
<file path=[Content_Types].xml><?xml version="1.0" encoding="utf-8"?>
<Types xmlns="http://schemas.openxmlformats.org/package/2006/content-types">
  <Default Extension="png" ContentType="image/png"/>
  <Default Extension="rels" ContentType="application/vnd.openxmlformats-package.relationships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notesMasters/notesMaster1.xml" ContentType="application/vnd.openxmlformats-officedocument.presentationml.notesMaster+xml"/>
  <Override PartName="/ppt/commentAuthors.xml" ContentType="application/vnd.openxmlformats-officedocument.presentationml.commentAuthors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theme/theme2.xml" ContentType="application/vnd.openxmlformats-officedocument.theme+xml"/>
  <Override PartName="/ppt/changesInfos/changesInfo1.xml" ContentType="application/vnd.ms-powerpoint.changesinfo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officeDocument/2006/relationships/extended-properties" Target="docProps/app.xml"/><Relationship Id="rId2" Type="http://schemas.openxmlformats.org/package/2006/relationships/metadata/core-properties" Target="docProps/core.xml"/><Relationship Id="rId1" Type="http://schemas.openxmlformats.org/officeDocument/2006/relationships/officeDocument" Target="ppt/presentation.xml"/><Relationship Id="rId4" Type="http://schemas.openxmlformats.org/officeDocument/2006/relationships/custom-properties" Target="docProps/custom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4017" r:id="rId12"/>
  </p:sldMasterIdLst>
  <p:notesMasterIdLst>
    <p:notesMasterId r:id="rId19"/>
  </p:notesMasterIdLst>
  <p:sldIdLst>
    <p:sldId id="258" r:id="rId13"/>
    <p:sldId id="257" r:id="rId14"/>
    <p:sldId id="259" r:id="rId15"/>
    <p:sldId id="260" r:id="rId16"/>
    <p:sldId id="261" r:id="rId17"/>
    <p:sldId id="262" r:id="rId18"/>
  </p:sldIdLst>
  <p:sldSz cx="12192000" cy="6858000"/>
  <p:notesSz cx="7104063" cy="10234613"/>
  <p:defaultTextStyle>
    <a:defPPr rtl="0">
      <a:defRPr lang="nl-nl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commentAuthors.xml><?xml version="1.0" encoding="utf-8"?>
<p:cmAuthorLst xmlns:a="http://schemas.openxmlformats.org/drawingml/2006/main" xmlns:r="http://schemas.openxmlformats.org/officeDocument/2006/relationships" xmlns:p="http://schemas.openxmlformats.org/presentationml/2006/main">
  <p:cmAuthor id="1" name="N. Pol" initials="NP" lastIdx="5" clrIdx="0"/>
</p:cm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120359"/>
    <a:srgbClr val="FFFFFF"/>
    <a:srgbClr val="0C207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0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1343F17D-AD05-49B1-AD9B-452A859997B3}" v="1" dt="2023-04-17T09:47:03.856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Stijl, gemiddeld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4993" autoAdjust="0"/>
    <p:restoredTop sz="94660"/>
  </p:normalViewPr>
  <p:slideViewPr>
    <p:cSldViewPr snapToGrid="0">
      <p:cViewPr varScale="1">
        <p:scale>
          <a:sx n="92" d="100"/>
          <a:sy n="92" d="100"/>
        </p:scale>
        <p:origin x="93" y="42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2008" cy="72008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slide" Target="slides/slide1.xml"/><Relationship Id="rId18" Type="http://schemas.openxmlformats.org/officeDocument/2006/relationships/slide" Target="slides/slide6.xml"/><Relationship Id="rId26" Type="http://schemas.microsoft.com/office/2015/10/relationships/revisionInfo" Target="revisionInfo.xml"/><Relationship Id="rId3" Type="http://schemas.openxmlformats.org/officeDocument/2006/relationships/customXml" Target="../customXml/item3.xml"/><Relationship Id="rId21" Type="http://schemas.openxmlformats.org/officeDocument/2006/relationships/presProps" Target="presProps.xml"/><Relationship Id="rId7" Type="http://schemas.openxmlformats.org/officeDocument/2006/relationships/customXml" Target="../customXml/item7.xml"/><Relationship Id="rId12" Type="http://schemas.openxmlformats.org/officeDocument/2006/relationships/slideMaster" Target="slideMasters/slideMaster1.xml"/><Relationship Id="rId17" Type="http://schemas.openxmlformats.org/officeDocument/2006/relationships/slide" Target="slides/slide5.xml"/><Relationship Id="rId25" Type="http://schemas.microsoft.com/office/2016/11/relationships/changesInfo" Target="changesInfos/changesInfo1.xml"/><Relationship Id="rId2" Type="http://schemas.openxmlformats.org/officeDocument/2006/relationships/customXml" Target="../customXml/item2.xml"/><Relationship Id="rId16" Type="http://schemas.openxmlformats.org/officeDocument/2006/relationships/slide" Target="slides/slide4.xml"/><Relationship Id="rId20" Type="http://schemas.openxmlformats.org/officeDocument/2006/relationships/commentAuthors" Target="commentAuthor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tableStyles" Target="tableStyles.xml"/><Relationship Id="rId5" Type="http://schemas.openxmlformats.org/officeDocument/2006/relationships/customXml" Target="../customXml/item5.xml"/><Relationship Id="rId15" Type="http://schemas.openxmlformats.org/officeDocument/2006/relationships/slide" Target="slides/slide3.xml"/><Relationship Id="rId23" Type="http://schemas.openxmlformats.org/officeDocument/2006/relationships/theme" Target="theme/theme1.xml"/><Relationship Id="rId10" Type="http://schemas.openxmlformats.org/officeDocument/2006/relationships/customXml" Target="../customXml/item10.xml"/><Relationship Id="rId19" Type="http://schemas.openxmlformats.org/officeDocument/2006/relationships/notesMaster" Target="notesMasters/notesMaster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slide" Target="slides/slide2.xml"/><Relationship Id="rId22" Type="http://schemas.openxmlformats.org/officeDocument/2006/relationships/viewProps" Target="viewProps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Marlise Schouten" userId="ee16a7e3-4221-44a0-aaa4-2588934c1f48" providerId="ADAL" clId="{72A25D67-E43B-4708-93DE-89DD1415BCA6}"/>
    <pc:docChg chg="modSld">
      <pc:chgData name="Marlise Schouten" userId="ee16a7e3-4221-44a0-aaa4-2588934c1f48" providerId="ADAL" clId="{72A25D67-E43B-4708-93DE-89DD1415BCA6}" dt="2023-04-17T09:53:41.814" v="72" actId="1036"/>
      <pc:docMkLst>
        <pc:docMk/>
      </pc:docMkLst>
      <pc:sldChg chg="modSp mod">
        <pc:chgData name="Marlise Schouten" userId="ee16a7e3-4221-44a0-aaa4-2588934c1f48" providerId="ADAL" clId="{72A25D67-E43B-4708-93DE-89DD1415BCA6}" dt="2023-04-17T09:53:41.814" v="72" actId="1036"/>
        <pc:sldMkLst>
          <pc:docMk/>
          <pc:sldMk cId="533912040" sldId="259"/>
        </pc:sldMkLst>
        <pc:spChg chg="mod">
          <ac:chgData name="Marlise Schouten" userId="ee16a7e3-4221-44a0-aaa4-2588934c1f48" providerId="ADAL" clId="{72A25D67-E43B-4708-93DE-89DD1415BCA6}" dt="2023-04-17T09:53:30.614" v="55" actId="1036"/>
          <ac:spMkLst>
            <pc:docMk/>
            <pc:sldMk cId="533912040" sldId="259"/>
            <ac:spMk id="15" creationId="{D369D1E6-EFDB-4FF7-A4FE-C32730E8D73B}"/>
          </ac:spMkLst>
        </pc:spChg>
        <pc:spChg chg="mod">
          <ac:chgData name="Marlise Schouten" userId="ee16a7e3-4221-44a0-aaa4-2588934c1f48" providerId="ADAL" clId="{72A25D67-E43B-4708-93DE-89DD1415BCA6}" dt="2023-04-17T09:53:41.814" v="72" actId="1036"/>
          <ac:spMkLst>
            <pc:docMk/>
            <pc:sldMk cId="533912040" sldId="259"/>
            <ac:spMk id="17" creationId="{2ECE6FE5-9BF2-428E-A018-E705F361C29C}"/>
          </ac:spMkLst>
        </pc:spChg>
      </pc:sldChg>
    </pc:docChg>
  </pc:docChgLst>
</pc:chgInfo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jdelijke aanduiding voor koptekst 1">
            <a:extLst>
              <a:ext uri="{FF2B5EF4-FFF2-40B4-BE49-F238E27FC236}">
                <a16:creationId xmlns:a16="http://schemas.microsoft.com/office/drawing/2014/main" id="{F36DB63A-7909-5A4B-A3D9-19581C21E06E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3078427" cy="513508"/>
          </a:xfrm>
          <a:prstGeom prst="rect">
            <a:avLst/>
          </a:prstGeom>
        </p:spPr>
        <p:txBody>
          <a:bodyPr vert="horz" lIns="99075" tIns="49538" rIns="99075" bIns="49538" rtlCol="0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3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3" name="Tijdelijke aanduiding voor datum 2">
            <a:extLst>
              <a:ext uri="{FF2B5EF4-FFF2-40B4-BE49-F238E27FC236}">
                <a16:creationId xmlns:a16="http://schemas.microsoft.com/office/drawing/2014/main" id="{A215842A-5020-0D4A-9EB1-C988770FE19C}"/>
              </a:ext>
            </a:extLst>
          </p:cNvPr>
          <p:cNvSpPr>
            <a:spLocks noGrp="1"/>
          </p:cNvSpPr>
          <p:nvPr>
            <p:ph type="dt" idx="1"/>
          </p:nvPr>
        </p:nvSpPr>
        <p:spPr>
          <a:xfrm>
            <a:off x="4023992" y="0"/>
            <a:ext cx="3078427" cy="513508"/>
          </a:xfrm>
          <a:prstGeom prst="rect">
            <a:avLst/>
          </a:prstGeom>
        </p:spPr>
        <p:txBody>
          <a:bodyPr vert="horz" lIns="99075" tIns="49538" rIns="99075" bIns="49538" rtlCol="0"/>
          <a:lstStyle>
            <a:lvl1pPr algn="r" eaLnBrk="1" fontAlgn="auto" hangingPunct="1">
              <a:spcBef>
                <a:spcPts val="0"/>
              </a:spcBef>
              <a:spcAft>
                <a:spcPts val="0"/>
              </a:spcAft>
              <a:defRPr sz="1300">
                <a:latin typeface="+mn-lt"/>
              </a:defRPr>
            </a:lvl1pPr>
          </a:lstStyle>
          <a:p>
            <a:pPr>
              <a:defRPr/>
            </a:pPr>
            <a:fld id="{91A17014-CD54-0642-BF63-EC3CE5B3257B}" type="datetimeFigureOut">
              <a:rPr lang="nl-NL"/>
              <a:pPr>
                <a:defRPr/>
              </a:pPr>
              <a:t>17-4-2023</a:t>
            </a:fld>
            <a:endParaRPr lang="nl-NL"/>
          </a:p>
        </p:txBody>
      </p:sp>
      <p:sp>
        <p:nvSpPr>
          <p:cNvPr id="4" name="Tijdelijke aanduiding voor dia-afbeelding 3">
            <a:extLst>
              <a:ext uri="{FF2B5EF4-FFF2-40B4-BE49-F238E27FC236}">
                <a16:creationId xmlns:a16="http://schemas.microsoft.com/office/drawing/2014/main" id="{9D50A4FE-8DDA-1C42-9C8A-064BC82B7CA8}"/>
              </a:ext>
            </a:extLst>
          </p:cNvPr>
          <p:cNvSpPr>
            <a:spLocks noGrp="1" noRot="1" noChangeAspect="1"/>
          </p:cNvSpPr>
          <p:nvPr>
            <p:ph type="sldImg" idx="2"/>
          </p:nvPr>
        </p:nvSpPr>
        <p:spPr>
          <a:xfrm>
            <a:off x="482600" y="1279525"/>
            <a:ext cx="6140450" cy="34544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9075" tIns="49538" rIns="99075" bIns="49538" rtlCol="0" anchor="ctr"/>
          <a:lstStyle/>
          <a:p>
            <a:pPr lvl="0"/>
            <a:endParaRPr lang="nl-NL" noProof="0"/>
          </a:p>
        </p:txBody>
      </p:sp>
      <p:sp>
        <p:nvSpPr>
          <p:cNvPr id="5" name="Tijdelijke aanduiding voor notities 4">
            <a:extLst>
              <a:ext uri="{FF2B5EF4-FFF2-40B4-BE49-F238E27FC236}">
                <a16:creationId xmlns:a16="http://schemas.microsoft.com/office/drawing/2014/main" id="{8D0F4B64-BD31-EE43-9066-64D4F35921B5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710407" y="4925407"/>
            <a:ext cx="5683250" cy="4029879"/>
          </a:xfrm>
          <a:prstGeom prst="rect">
            <a:avLst/>
          </a:prstGeom>
        </p:spPr>
        <p:txBody>
          <a:bodyPr vert="horz" lIns="99075" tIns="49538" rIns="99075" bIns="49538" rtlCol="0"/>
          <a:lstStyle/>
          <a:p>
            <a:pPr lvl="0"/>
            <a:r>
              <a:rPr lang="nl-NL" noProof="0"/>
              <a:t>Klikken om de tekststijl van het model te bewerken</a:t>
            </a:r>
          </a:p>
          <a:p>
            <a:pPr lvl="1"/>
            <a:r>
              <a:rPr lang="nl-NL" noProof="0"/>
              <a:t>Tweede niveau</a:t>
            </a:r>
          </a:p>
          <a:p>
            <a:pPr lvl="2"/>
            <a:r>
              <a:rPr lang="nl-NL" noProof="0"/>
              <a:t>Derde niveau</a:t>
            </a:r>
          </a:p>
          <a:p>
            <a:pPr lvl="3"/>
            <a:r>
              <a:rPr lang="nl-NL" noProof="0"/>
              <a:t>Vierde niveau</a:t>
            </a:r>
          </a:p>
          <a:p>
            <a:pPr lvl="4"/>
            <a:r>
              <a:rPr lang="nl-NL" noProof="0"/>
              <a:t>Vijfde niveau</a:t>
            </a:r>
          </a:p>
        </p:txBody>
      </p:sp>
      <p:sp>
        <p:nvSpPr>
          <p:cNvPr id="6" name="Tijdelijke aanduiding voor voettekst 5">
            <a:extLst>
              <a:ext uri="{FF2B5EF4-FFF2-40B4-BE49-F238E27FC236}">
                <a16:creationId xmlns:a16="http://schemas.microsoft.com/office/drawing/2014/main" id="{45116776-121C-1A4E-B2F6-DD38D1D7FBFC}"/>
              </a:ext>
            </a:extLst>
          </p:cNvPr>
          <p:cNvSpPr>
            <a:spLocks noGrp="1"/>
          </p:cNvSpPr>
          <p:nvPr>
            <p:ph type="ftr" sz="quarter" idx="4"/>
          </p:nvPr>
        </p:nvSpPr>
        <p:spPr>
          <a:xfrm>
            <a:off x="0" y="9721107"/>
            <a:ext cx="3078427" cy="513507"/>
          </a:xfrm>
          <a:prstGeom prst="rect">
            <a:avLst/>
          </a:prstGeom>
        </p:spPr>
        <p:txBody>
          <a:bodyPr vert="horz" lIns="99075" tIns="49538" rIns="99075" bIns="49538" rtlCol="0" anchor="b"/>
          <a:lstStyle>
            <a:lvl1pPr algn="l" eaLnBrk="1" fontAlgn="auto" hangingPunct="1">
              <a:spcBef>
                <a:spcPts val="0"/>
              </a:spcBef>
              <a:spcAft>
                <a:spcPts val="0"/>
              </a:spcAft>
              <a:defRPr sz="1300">
                <a:latin typeface="+mn-lt"/>
              </a:defRPr>
            </a:lvl1pPr>
          </a:lstStyle>
          <a:p>
            <a:pPr>
              <a:defRPr/>
            </a:pPr>
            <a:endParaRPr lang="nl-NL"/>
          </a:p>
        </p:txBody>
      </p:sp>
      <p:sp>
        <p:nvSpPr>
          <p:cNvPr id="7" name="Tijdelijke aanduiding voor dianummer 6">
            <a:extLst>
              <a:ext uri="{FF2B5EF4-FFF2-40B4-BE49-F238E27FC236}">
                <a16:creationId xmlns:a16="http://schemas.microsoft.com/office/drawing/2014/main" id="{1D1FB5E8-CD34-6E41-B4F8-8E88ECA8D4C1}"/>
              </a:ext>
            </a:extLst>
          </p:cNvPr>
          <p:cNvSpPr>
            <a:spLocks noGrp="1"/>
          </p:cNvSpPr>
          <p:nvPr>
            <p:ph type="sldNum" sz="quarter" idx="5"/>
          </p:nvPr>
        </p:nvSpPr>
        <p:spPr>
          <a:xfrm>
            <a:off x="4023992" y="9721107"/>
            <a:ext cx="3078427" cy="513507"/>
          </a:xfrm>
          <a:prstGeom prst="rect">
            <a:avLst/>
          </a:prstGeom>
        </p:spPr>
        <p:txBody>
          <a:bodyPr vert="horz" wrap="square" lIns="99075" tIns="49538" rIns="99075" bIns="49538" numCol="1" anchor="b" anchorCtr="0" compatLnSpc="1">
            <a:prstTxWarp prst="textNoShape">
              <a:avLst/>
            </a:prstTxWarp>
          </a:bodyPr>
          <a:lstStyle>
            <a:lvl1pPr algn="r" eaLnBrk="1" hangingPunct="1">
              <a:defRPr sz="1300"/>
            </a:lvl1pPr>
          </a:lstStyle>
          <a:p>
            <a:fld id="{0A622139-329B-174F-9882-7DFF5ECAF1D8}" type="slidenum">
              <a:rPr lang="nl-NL" altLang="nl-NL"/>
              <a:pPr/>
              <a:t>‹nr.›</a:t>
            </a:fld>
            <a:endParaRPr lang="nl-NL" altLang="nl-NL"/>
          </a:p>
        </p:txBody>
      </p:sp>
    </p:spTree>
  </p:cSld>
  <p:clrMap bg1="lt1" tx1="dk1" bg2="lt2" tx2="dk2" accent1="accent1" accent2="accent2" accent3="accent3" accent4="accent4" accent5="accent5" accent6="accent6" hlink="hlink" folHlink="folHlink"/>
  <p:notesStyle>
    <a:lvl1pPr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rtl="0" eaLnBrk="0" fontAlgn="base" hangingPunct="0">
      <a:spcBef>
        <a:spcPct val="30000"/>
      </a:spcBef>
      <a:spcAft>
        <a:spcPct val="0"/>
      </a:spcAft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title" preserve="1">
  <p:cSld name="Titeldia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hthoek 9">
            <a:extLst>
              <a:ext uri="{FF2B5EF4-FFF2-40B4-BE49-F238E27FC236}">
                <a16:creationId xmlns:a16="http://schemas.microsoft.com/office/drawing/2014/main" id="{39E3965E-AC41-4711-9D10-E25ABB132D86}"/>
              </a:ext>
            </a:extLst>
          </p:cNvPr>
          <p:cNvSpPr/>
          <p:nvPr/>
        </p:nvSpPr>
        <p:spPr>
          <a:xfrm>
            <a:off x="3175" y="6400800"/>
            <a:ext cx="12188825" cy="457200"/>
          </a:xfrm>
          <a:prstGeom prst="rect">
            <a:avLst/>
          </a:prstGeom>
          <a:solidFill>
            <a:srgbClr val="01D2E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el 1"/>
          <p:cNvSpPr>
            <a:spLocks noGrp="1"/>
          </p:cNvSpPr>
          <p:nvPr>
            <p:ph type="ctrTitle"/>
          </p:nvPr>
        </p:nvSpPr>
        <p:spPr>
          <a:xfrm>
            <a:off x="1097280" y="758952"/>
            <a:ext cx="10058400" cy="3566160"/>
          </a:xfrm>
        </p:spPr>
        <p:txBody>
          <a:bodyPr rtlCol="0" anchor="b">
            <a:normAutofit/>
          </a:bodyPr>
          <a:lstStyle>
            <a:lvl1pPr algn="l">
              <a:lnSpc>
                <a:spcPct val="90000"/>
              </a:lnSpc>
              <a:defRPr sz="8000" spc="-50" baseline="0">
                <a:solidFill>
                  <a:schemeClr val="tx1">
                    <a:lumMod val="85000"/>
                    <a:lumOff val="15000"/>
                  </a:schemeClr>
                </a:solidFill>
              </a:defRPr>
            </a:lvl1pPr>
          </a:lstStyle>
          <a:p>
            <a:pPr rtl="0"/>
            <a:r>
              <a:rPr lang="nl-NL" noProof="0"/>
              <a:t>Klik om stijl te bewerken</a:t>
            </a:r>
            <a:endParaRPr lang="nl-NL" noProof="0" dirty="0"/>
          </a:p>
        </p:txBody>
      </p:sp>
      <p:sp>
        <p:nvSpPr>
          <p:cNvPr id="3" name="Subtitel 2"/>
          <p:cNvSpPr>
            <a:spLocks noGrp="1"/>
          </p:cNvSpPr>
          <p:nvPr>
            <p:ph type="subTitle" idx="1"/>
          </p:nvPr>
        </p:nvSpPr>
        <p:spPr>
          <a:xfrm>
            <a:off x="1100051" y="4645152"/>
            <a:ext cx="10058400" cy="1143000"/>
          </a:xfrm>
        </p:spPr>
        <p:txBody>
          <a:bodyPr lIns="91440" rIns="91440" rtlCol="0">
            <a:normAutofit/>
          </a:bodyPr>
          <a:lstStyle>
            <a:lvl1pPr marL="0" indent="0" algn="l">
              <a:buNone/>
              <a:defRPr sz="2400" cap="all" spc="200" baseline="0">
                <a:solidFill>
                  <a:schemeClr val="tx1"/>
                </a:solidFill>
                <a:latin typeface="+mn-lt"/>
              </a:defRPr>
            </a:lvl1pPr>
            <a:lvl2pPr marL="457200" indent="0" algn="ctr">
              <a:buNone/>
              <a:defRPr sz="2400"/>
            </a:lvl2pPr>
            <a:lvl3pPr marL="914400" indent="0" algn="ctr">
              <a:buNone/>
              <a:defRPr sz="2400"/>
            </a:lvl3pPr>
            <a:lvl4pPr marL="1371600" indent="0" algn="ctr">
              <a:buNone/>
              <a:defRPr sz="2000"/>
            </a:lvl4pPr>
            <a:lvl5pPr marL="1828800" indent="0" algn="ctr">
              <a:buNone/>
              <a:defRPr sz="2000"/>
            </a:lvl5pPr>
            <a:lvl6pPr marL="2286000" indent="0" algn="ctr">
              <a:buNone/>
              <a:defRPr sz="2000"/>
            </a:lvl6pPr>
            <a:lvl7pPr marL="2743200" indent="0" algn="ctr">
              <a:buNone/>
              <a:defRPr sz="2000"/>
            </a:lvl7pPr>
            <a:lvl8pPr marL="3200400" indent="0" algn="ctr">
              <a:buNone/>
              <a:defRPr sz="2000"/>
            </a:lvl8pPr>
            <a:lvl9pPr marL="3657600" indent="0" algn="ctr">
              <a:buNone/>
              <a:defRPr sz="2000"/>
            </a:lvl9pPr>
          </a:lstStyle>
          <a:p>
            <a:pPr rtl="0"/>
            <a:r>
              <a:rPr lang="nl-NL" noProof="0"/>
              <a:t>Klikken om de ondertitelstijl van het model te bewerken</a:t>
            </a:r>
            <a:endParaRPr lang="nl-NL" noProof="0" dirty="0"/>
          </a:p>
        </p:txBody>
      </p:sp>
      <p:cxnSp>
        <p:nvCxnSpPr>
          <p:cNvPr id="9" name="Rechte verbindingslijn 8">
            <a:extLst>
              <a:ext uri="{FF2B5EF4-FFF2-40B4-BE49-F238E27FC236}">
                <a16:creationId xmlns:a16="http://schemas.microsoft.com/office/drawing/2014/main" id="{1F5DC8C3-BA5F-4EED-BB9A-A14272BD82A1}"/>
              </a:ext>
            </a:extLst>
          </p:cNvPr>
          <p:cNvCxnSpPr/>
          <p:nvPr/>
        </p:nvCxnSpPr>
        <p:spPr>
          <a:xfrm>
            <a:off x="1207658" y="4474741"/>
            <a:ext cx="9875520" cy="0"/>
          </a:xfrm>
          <a:prstGeom prst="line">
            <a:avLst/>
          </a:prstGeom>
          <a:ln w="12700"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4" name="Tijdelijke aanduiding voor datum 3">
            <a:extLst>
              <a:ext uri="{FF2B5EF4-FFF2-40B4-BE49-F238E27FC236}">
                <a16:creationId xmlns:a16="http://schemas.microsoft.com/office/drawing/2014/main" id="{9925CCF1-92C0-4AF3-BFAF-4921631915AB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fld id="{0FBDD9FE-454E-427B-A3A1-00EEA30AE87E}" type="datetime1">
              <a:rPr lang="en-GB" smtClean="0"/>
              <a:t>17/04/2023</a:t>
            </a:fld>
            <a:endParaRPr lang="en-GB"/>
          </a:p>
        </p:txBody>
      </p:sp>
      <p:sp>
        <p:nvSpPr>
          <p:cNvPr id="5" name="Tijdelijke aanduiding voor voettekst 4">
            <a:extLst>
              <a:ext uri="{FF2B5EF4-FFF2-40B4-BE49-F238E27FC236}">
                <a16:creationId xmlns:a16="http://schemas.microsoft.com/office/drawing/2014/main" id="{051A78A9-3DFF-4937-A9F2-5D8CF495F36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endParaRPr lang="en-GB"/>
          </a:p>
        </p:txBody>
      </p:sp>
      <p:sp>
        <p:nvSpPr>
          <p:cNvPr id="6" name="Tijdelijke aanduiding voor dianummer 5">
            <a:extLst>
              <a:ext uri="{FF2B5EF4-FFF2-40B4-BE49-F238E27FC236}">
                <a16:creationId xmlns:a16="http://schemas.microsoft.com/office/drawing/2014/main" id="{5FAEB271-5CC0-4759-BC6E-8BE53AB227C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8" name="Afbeelding 7" descr="Afbeelding met tekst">
            <a:extLst>
              <a:ext uri="{FF2B5EF4-FFF2-40B4-BE49-F238E27FC236}">
                <a16:creationId xmlns:a16="http://schemas.microsoft.com/office/drawing/2014/main" id="{FF7E92F5-BB33-884E-CF03-63FE91687180}"/>
              </a:ext>
            </a:extLst>
          </p:cNvPr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861821" y="87790"/>
            <a:ext cx="2263521" cy="10430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902355475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eldia met afbeelding (alternatief)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4" name="Titel 1">
            <a:extLst>
              <a:ext uri="{FF2B5EF4-FFF2-40B4-BE49-F238E27FC236}">
                <a16:creationId xmlns:a16="http://schemas.microsoft.com/office/drawing/2014/main" id="{47AE4C24-5AF6-4E4A-9315-DADF6661528D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1776548"/>
            <a:ext cx="7411909" cy="894117"/>
          </a:xfrm>
        </p:spPr>
        <p:txBody>
          <a:bodyPr anchor="t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86" name="Freeform: Shape 85">
            <a:extLst>
              <a:ext uri="{FF2B5EF4-FFF2-40B4-BE49-F238E27FC236}">
                <a16:creationId xmlns:a16="http://schemas.microsoft.com/office/drawing/2014/main" id="{D3477D4A-1B0D-4855-AED5-020E217FE9FF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7" name="Freeform: Shape 86">
            <a:extLst>
              <a:ext uri="{FF2B5EF4-FFF2-40B4-BE49-F238E27FC236}">
                <a16:creationId xmlns:a16="http://schemas.microsoft.com/office/drawing/2014/main" id="{5BD62A7A-5FD3-4FEB-9530-EE0F5C360BF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8" name="Freeform: Shape 87">
            <a:extLst>
              <a:ext uri="{FF2B5EF4-FFF2-40B4-BE49-F238E27FC236}">
                <a16:creationId xmlns:a16="http://schemas.microsoft.com/office/drawing/2014/main" id="{BF4E971B-879B-492E-8AAF-364F70D9EBD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89" name="Freeform: Shape 88">
            <a:extLst>
              <a:ext uri="{FF2B5EF4-FFF2-40B4-BE49-F238E27FC236}">
                <a16:creationId xmlns:a16="http://schemas.microsoft.com/office/drawing/2014/main" id="{0CA55659-6962-4045-9083-644EB9C284B3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0" name="Freeform: Shape 89">
            <a:extLst>
              <a:ext uri="{FF2B5EF4-FFF2-40B4-BE49-F238E27FC236}">
                <a16:creationId xmlns:a16="http://schemas.microsoft.com/office/drawing/2014/main" id="{EA8B184D-B4CC-4BCE-92F0-0D4497CF0DAC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1" name="Freeform: Shape 90">
            <a:extLst>
              <a:ext uri="{FF2B5EF4-FFF2-40B4-BE49-F238E27FC236}">
                <a16:creationId xmlns:a16="http://schemas.microsoft.com/office/drawing/2014/main" id="{BA4EDA8B-7AE3-4FA2-9C3A-AECE66D040AE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2" name="Freeform: Shape 91">
            <a:extLst>
              <a:ext uri="{FF2B5EF4-FFF2-40B4-BE49-F238E27FC236}">
                <a16:creationId xmlns:a16="http://schemas.microsoft.com/office/drawing/2014/main" id="{CDBAE73D-B3FA-4C9F-93B2-EDE39CFAD2E1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3" name="Freeform: Shape 92">
            <a:extLst>
              <a:ext uri="{FF2B5EF4-FFF2-40B4-BE49-F238E27FC236}">
                <a16:creationId xmlns:a16="http://schemas.microsoft.com/office/drawing/2014/main" id="{93776FFC-3176-4623-8D60-367E08FCE2B7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4" name="Freeform: Shape 93">
            <a:extLst>
              <a:ext uri="{FF2B5EF4-FFF2-40B4-BE49-F238E27FC236}">
                <a16:creationId xmlns:a16="http://schemas.microsoft.com/office/drawing/2014/main" id="{40993F3E-2EF6-47BC-AA1A-D377BD805AE2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95" name="Freeform: Shape 94">
            <a:extLst>
              <a:ext uri="{FF2B5EF4-FFF2-40B4-BE49-F238E27FC236}">
                <a16:creationId xmlns:a16="http://schemas.microsoft.com/office/drawing/2014/main" id="{5403741D-A913-4F97-85DE-B43A88A382C9}"/>
              </a:ext>
            </a:extLst>
          </p:cNvPr>
          <p:cNvSpPr/>
          <p:nvPr userDrawn="1"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294" name="Ondertitel 2">
            <a:extLst>
              <a:ext uri="{FF2B5EF4-FFF2-40B4-BE49-F238E27FC236}">
                <a16:creationId xmlns:a16="http://schemas.microsoft.com/office/drawing/2014/main" id="{52C2D506-C20C-4144-970E-1F30626721A2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758136"/>
            <a:ext cx="7411909" cy="1207146"/>
          </a:xfrm>
        </p:spPr>
        <p:txBody>
          <a:bodyPr anchor="b"/>
          <a:lstStyle>
            <a:lvl1pPr marL="0" indent="0" algn="l">
              <a:buNone/>
              <a:defRPr sz="2400" b="1" i="0">
                <a:solidFill>
                  <a:schemeClr val="accent4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Subtitel (optioneel)</a:t>
            </a:r>
          </a:p>
        </p:txBody>
      </p:sp>
      <p:sp>
        <p:nvSpPr>
          <p:cNvPr id="7" name="Tijdelijke aanduiding voor tekst 6">
            <a:extLst>
              <a:ext uri="{FF2B5EF4-FFF2-40B4-BE49-F238E27FC236}">
                <a16:creationId xmlns:a16="http://schemas.microsoft.com/office/drawing/2014/main" id="{0436758D-A761-416C-BE19-E67431685E52}"/>
              </a:ext>
            </a:extLst>
          </p:cNvPr>
          <p:cNvSpPr>
            <a:spLocks noGrp="1"/>
          </p:cNvSpPr>
          <p:nvPr>
            <p:ph type="body" sz="quarter" idx="18" hasCustomPrompt="1"/>
          </p:nvPr>
        </p:nvSpPr>
        <p:spPr>
          <a:xfrm>
            <a:off x="633600" y="4024800"/>
            <a:ext cx="4312800" cy="460800"/>
          </a:xfrm>
        </p:spPr>
        <p:txBody>
          <a:bodyPr/>
          <a:lstStyle>
            <a:lvl1pPr marL="0" indent="0">
              <a:buNone/>
              <a:defRPr sz="2400" b="1">
                <a:solidFill>
                  <a:schemeClr val="accent4"/>
                </a:solidFill>
              </a:defRPr>
            </a:lvl1pPr>
            <a:lvl2pPr marL="457200" indent="0">
              <a:buNone/>
              <a:defRPr/>
            </a:lvl2pPr>
            <a:lvl3pPr marL="914400" indent="0">
              <a:buNone/>
              <a:defRPr/>
            </a:lvl3pPr>
            <a:lvl4pPr marL="1371600" indent="0">
              <a:buNone/>
              <a:defRPr/>
            </a:lvl4pPr>
            <a:lvl5pPr marL="1828800" indent="0">
              <a:buNone/>
              <a:defRPr/>
            </a:lvl5pPr>
          </a:lstStyle>
          <a:p>
            <a:pPr lvl="0"/>
            <a:r>
              <a:rPr lang="nl-NL" err="1"/>
              <a:t>Subregel</a:t>
            </a:r>
            <a:r>
              <a:rPr lang="nl-NL"/>
              <a:t> (optioneel)</a:t>
            </a:r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34034679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1_Vergelijking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17/04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951186695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2_Vergelijking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17/04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90481028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3_Vergelijking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17/04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053576316"/>
      </p:ext>
    </p:extLst>
  </p:cSld>
  <p:clrMapOvr>
    <a:masterClrMapping/>
  </p:clrMapOvr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4_Vergelijking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tekst 2">
            <a:extLst>
              <a:ext uri="{FF2B5EF4-FFF2-40B4-BE49-F238E27FC236}">
                <a16:creationId xmlns:a16="http://schemas.microsoft.com/office/drawing/2014/main" id="{D765F5E8-6299-BB40-AA7E-D87AA34359DD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82" y="1818172"/>
            <a:ext cx="5026783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5" name="Tijdelijke aanduiding voor tekst 4">
            <a:extLst>
              <a:ext uri="{FF2B5EF4-FFF2-40B4-BE49-F238E27FC236}">
                <a16:creationId xmlns:a16="http://schemas.microsoft.com/office/drawing/2014/main" id="{6EEDA3F4-ED99-D54F-B0AE-3E3ADFDC094F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818172"/>
            <a:ext cx="5028406" cy="823912"/>
          </a:xfrm>
        </p:spPr>
        <p:txBody>
          <a:bodyPr anchor="b"/>
          <a:lstStyle>
            <a:lvl1pPr marL="0" indent="0">
              <a:buNone/>
              <a:defRPr sz="2400" b="1"/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endParaRPr lang="nl-NL"/>
          </a:p>
        </p:txBody>
      </p:sp>
      <p:sp>
        <p:nvSpPr>
          <p:cNvPr id="14" name="Tijdelijke aanduiding voor inhoud 2">
            <a:extLst>
              <a:ext uri="{FF2B5EF4-FFF2-40B4-BE49-F238E27FC236}">
                <a16:creationId xmlns:a16="http://schemas.microsoft.com/office/drawing/2014/main" id="{F28CC1D8-B688-4145-9196-20A3827814D3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642084"/>
            <a:ext cx="5028405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5" name="Tijdelijke aanduiding voor inhoud 3">
            <a:extLst>
              <a:ext uri="{FF2B5EF4-FFF2-40B4-BE49-F238E27FC236}">
                <a16:creationId xmlns:a16="http://schemas.microsoft.com/office/drawing/2014/main" id="{5E7B9D8C-5520-4CA3-8B03-D336D53E0E10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642084"/>
            <a:ext cx="5028406" cy="3215790"/>
          </a:xfrm>
        </p:spPr>
        <p:txBody>
          <a:bodyPr/>
          <a:lstStyle>
            <a:lvl1pPr>
              <a:defRPr sz="2400"/>
            </a:lvl1pPr>
          </a:lstStyle>
          <a:p>
            <a:pPr lvl="0"/>
            <a:endParaRPr lang="nl-NL"/>
          </a:p>
        </p:txBody>
      </p:sp>
      <p:sp>
        <p:nvSpPr>
          <p:cNvPr id="18" name="Ondertitel 2">
            <a:extLst>
              <a:ext uri="{FF2B5EF4-FFF2-40B4-BE49-F238E27FC236}">
                <a16:creationId xmlns:a16="http://schemas.microsoft.com/office/drawing/2014/main" id="{A226B935-B8CA-45B5-9B1A-6DD312D7A97F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749B6409-B371-4B9F-B3ED-16C2E29156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31D5B612-A5DC-429C-BEED-F567BC46DA16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17/04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C3805DAB-FAA5-42E4-AA95-5CB304C269C4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81B5E665-0587-47B7-AAB9-E02D385674B3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67574998"/>
      </p:ext>
    </p:extLst>
  </p:cSld>
  <p:clrMapOvr>
    <a:masterClrMapping/>
  </p:clrMapOvr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eldia met afbeelding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51" name="Picture Placeholder 250">
            <a:extLst>
              <a:ext uri="{FF2B5EF4-FFF2-40B4-BE49-F238E27FC236}">
                <a16:creationId xmlns:a16="http://schemas.microsoft.com/office/drawing/2014/main" id="{8FC9796D-6AA5-4C11-9361-CFA70946833A}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 bwMode="auto">
          <a:xfrm>
            <a:off x="60" y="34"/>
            <a:ext cx="12191941" cy="6857967"/>
          </a:xfrm>
          <a:custGeom>
            <a:avLst/>
            <a:gdLst>
              <a:gd name="connsiteX0" fmla="*/ 9042170 w 12191941"/>
              <a:gd name="connsiteY0" fmla="*/ 6474347 h 6857967"/>
              <a:gd name="connsiteX1" fmla="*/ 9042170 w 12191941"/>
              <a:gd name="connsiteY1" fmla="*/ 6545648 h 6857967"/>
              <a:gd name="connsiteX2" fmla="*/ 9113471 w 12191941"/>
              <a:gd name="connsiteY2" fmla="*/ 6545648 h 6857967"/>
              <a:gd name="connsiteX3" fmla="*/ 9113471 w 12191941"/>
              <a:gd name="connsiteY3" fmla="*/ 6474347 h 6857967"/>
              <a:gd name="connsiteX4" fmla="*/ 8899568 w 12191941"/>
              <a:gd name="connsiteY4" fmla="*/ 6474347 h 6857967"/>
              <a:gd name="connsiteX5" fmla="*/ 8899568 w 12191941"/>
              <a:gd name="connsiteY5" fmla="*/ 6545648 h 6857967"/>
              <a:gd name="connsiteX6" fmla="*/ 8970869 w 12191941"/>
              <a:gd name="connsiteY6" fmla="*/ 6545648 h 6857967"/>
              <a:gd name="connsiteX7" fmla="*/ 8970869 w 12191941"/>
              <a:gd name="connsiteY7" fmla="*/ 6474347 h 6857967"/>
              <a:gd name="connsiteX8" fmla="*/ 8756896 w 12191941"/>
              <a:gd name="connsiteY8" fmla="*/ 6474347 h 6857967"/>
              <a:gd name="connsiteX9" fmla="*/ 8756896 w 12191941"/>
              <a:gd name="connsiteY9" fmla="*/ 6545648 h 6857967"/>
              <a:gd name="connsiteX10" fmla="*/ 8828196 w 12191941"/>
              <a:gd name="connsiteY10" fmla="*/ 6545648 h 6857967"/>
              <a:gd name="connsiteX11" fmla="*/ 8828196 w 12191941"/>
              <a:gd name="connsiteY11" fmla="*/ 6474347 h 6857967"/>
              <a:gd name="connsiteX12" fmla="*/ 8614223 w 12191941"/>
              <a:gd name="connsiteY12" fmla="*/ 6474347 h 6857967"/>
              <a:gd name="connsiteX13" fmla="*/ 8614223 w 12191941"/>
              <a:gd name="connsiteY13" fmla="*/ 6545648 h 6857967"/>
              <a:gd name="connsiteX14" fmla="*/ 8685524 w 12191941"/>
              <a:gd name="connsiteY14" fmla="*/ 6545648 h 6857967"/>
              <a:gd name="connsiteX15" fmla="*/ 8685524 w 12191941"/>
              <a:gd name="connsiteY15" fmla="*/ 6474347 h 6857967"/>
              <a:gd name="connsiteX16" fmla="*/ 8471622 w 12191941"/>
              <a:gd name="connsiteY16" fmla="*/ 6474347 h 6857967"/>
              <a:gd name="connsiteX17" fmla="*/ 8471622 w 12191941"/>
              <a:gd name="connsiteY17" fmla="*/ 6545648 h 6857967"/>
              <a:gd name="connsiteX18" fmla="*/ 8542923 w 12191941"/>
              <a:gd name="connsiteY18" fmla="*/ 6545648 h 6857967"/>
              <a:gd name="connsiteX19" fmla="*/ 8542923 w 12191941"/>
              <a:gd name="connsiteY19" fmla="*/ 6474347 h 6857967"/>
              <a:gd name="connsiteX20" fmla="*/ 8328949 w 12191941"/>
              <a:gd name="connsiteY20" fmla="*/ 6474347 h 6857967"/>
              <a:gd name="connsiteX21" fmla="*/ 8328949 w 12191941"/>
              <a:gd name="connsiteY21" fmla="*/ 6545648 h 6857967"/>
              <a:gd name="connsiteX22" fmla="*/ 8400250 w 12191941"/>
              <a:gd name="connsiteY22" fmla="*/ 6545648 h 6857967"/>
              <a:gd name="connsiteX23" fmla="*/ 8400250 w 12191941"/>
              <a:gd name="connsiteY23" fmla="*/ 6474347 h 6857967"/>
              <a:gd name="connsiteX24" fmla="*/ 8186348 w 12191941"/>
              <a:gd name="connsiteY24" fmla="*/ 6474347 h 6857967"/>
              <a:gd name="connsiteX25" fmla="*/ 8186348 w 12191941"/>
              <a:gd name="connsiteY25" fmla="*/ 6545648 h 6857967"/>
              <a:gd name="connsiteX26" fmla="*/ 8257649 w 12191941"/>
              <a:gd name="connsiteY26" fmla="*/ 6545648 h 6857967"/>
              <a:gd name="connsiteX27" fmla="*/ 8257649 w 12191941"/>
              <a:gd name="connsiteY27" fmla="*/ 6474347 h 6857967"/>
              <a:gd name="connsiteX28" fmla="*/ 8043675 w 12191941"/>
              <a:gd name="connsiteY28" fmla="*/ 6474347 h 6857967"/>
              <a:gd name="connsiteX29" fmla="*/ 8043675 w 12191941"/>
              <a:gd name="connsiteY29" fmla="*/ 6545648 h 6857967"/>
              <a:gd name="connsiteX30" fmla="*/ 8114976 w 12191941"/>
              <a:gd name="connsiteY30" fmla="*/ 6545648 h 6857967"/>
              <a:gd name="connsiteX31" fmla="*/ 8114976 w 12191941"/>
              <a:gd name="connsiteY31" fmla="*/ 6474347 h 6857967"/>
              <a:gd name="connsiteX32" fmla="*/ 7901003 w 12191941"/>
              <a:gd name="connsiteY32" fmla="*/ 6474347 h 6857967"/>
              <a:gd name="connsiteX33" fmla="*/ 7901003 w 12191941"/>
              <a:gd name="connsiteY33" fmla="*/ 6545648 h 6857967"/>
              <a:gd name="connsiteX34" fmla="*/ 7972304 w 12191941"/>
              <a:gd name="connsiteY34" fmla="*/ 6545648 h 6857967"/>
              <a:gd name="connsiteX35" fmla="*/ 7972304 w 12191941"/>
              <a:gd name="connsiteY35" fmla="*/ 6474347 h 6857967"/>
              <a:gd name="connsiteX36" fmla="*/ 7758401 w 12191941"/>
              <a:gd name="connsiteY36" fmla="*/ 6474347 h 6857967"/>
              <a:gd name="connsiteX37" fmla="*/ 7758401 w 12191941"/>
              <a:gd name="connsiteY37" fmla="*/ 6545648 h 6857967"/>
              <a:gd name="connsiteX38" fmla="*/ 7829702 w 12191941"/>
              <a:gd name="connsiteY38" fmla="*/ 6545648 h 6857967"/>
              <a:gd name="connsiteX39" fmla="*/ 7829702 w 12191941"/>
              <a:gd name="connsiteY39" fmla="*/ 6474347 h 6857967"/>
              <a:gd name="connsiteX40" fmla="*/ 7615728 w 12191941"/>
              <a:gd name="connsiteY40" fmla="*/ 6474347 h 6857967"/>
              <a:gd name="connsiteX41" fmla="*/ 7615728 w 12191941"/>
              <a:gd name="connsiteY41" fmla="*/ 6545648 h 6857967"/>
              <a:gd name="connsiteX42" fmla="*/ 7687029 w 12191941"/>
              <a:gd name="connsiteY42" fmla="*/ 6545648 h 6857967"/>
              <a:gd name="connsiteX43" fmla="*/ 7687029 w 12191941"/>
              <a:gd name="connsiteY43" fmla="*/ 6474347 h 6857967"/>
              <a:gd name="connsiteX44" fmla="*/ 7473127 w 12191941"/>
              <a:gd name="connsiteY44" fmla="*/ 6474347 h 6857967"/>
              <a:gd name="connsiteX45" fmla="*/ 7473127 w 12191941"/>
              <a:gd name="connsiteY45" fmla="*/ 6545648 h 6857967"/>
              <a:gd name="connsiteX46" fmla="*/ 7544428 w 12191941"/>
              <a:gd name="connsiteY46" fmla="*/ 6545648 h 6857967"/>
              <a:gd name="connsiteX47" fmla="*/ 7544428 w 12191941"/>
              <a:gd name="connsiteY47" fmla="*/ 6474347 h 6857967"/>
              <a:gd name="connsiteX48" fmla="*/ 7330454 w 12191941"/>
              <a:gd name="connsiteY48" fmla="*/ 6474347 h 6857967"/>
              <a:gd name="connsiteX49" fmla="*/ 7330454 w 12191941"/>
              <a:gd name="connsiteY49" fmla="*/ 6545648 h 6857967"/>
              <a:gd name="connsiteX50" fmla="*/ 7401755 w 12191941"/>
              <a:gd name="connsiteY50" fmla="*/ 6545648 h 6857967"/>
              <a:gd name="connsiteX51" fmla="*/ 7401755 w 12191941"/>
              <a:gd name="connsiteY51" fmla="*/ 6474347 h 6857967"/>
              <a:gd name="connsiteX52" fmla="*/ 7187853 w 12191941"/>
              <a:gd name="connsiteY52" fmla="*/ 6474347 h 6857967"/>
              <a:gd name="connsiteX53" fmla="*/ 7187853 w 12191941"/>
              <a:gd name="connsiteY53" fmla="*/ 6545648 h 6857967"/>
              <a:gd name="connsiteX54" fmla="*/ 7259154 w 12191941"/>
              <a:gd name="connsiteY54" fmla="*/ 6545648 h 6857967"/>
              <a:gd name="connsiteX55" fmla="*/ 7259154 w 12191941"/>
              <a:gd name="connsiteY55" fmla="*/ 6474347 h 6857967"/>
              <a:gd name="connsiteX56" fmla="*/ 7045180 w 12191941"/>
              <a:gd name="connsiteY56" fmla="*/ 6474347 h 6857967"/>
              <a:gd name="connsiteX57" fmla="*/ 7045180 w 12191941"/>
              <a:gd name="connsiteY57" fmla="*/ 6545648 h 6857967"/>
              <a:gd name="connsiteX58" fmla="*/ 7116481 w 12191941"/>
              <a:gd name="connsiteY58" fmla="*/ 6545648 h 6857967"/>
              <a:gd name="connsiteX59" fmla="*/ 7116481 w 12191941"/>
              <a:gd name="connsiteY59" fmla="*/ 6474347 h 6857967"/>
              <a:gd name="connsiteX60" fmla="*/ 6902579 w 12191941"/>
              <a:gd name="connsiteY60" fmla="*/ 6474347 h 6857967"/>
              <a:gd name="connsiteX61" fmla="*/ 6902579 w 12191941"/>
              <a:gd name="connsiteY61" fmla="*/ 6545648 h 6857967"/>
              <a:gd name="connsiteX62" fmla="*/ 6973880 w 12191941"/>
              <a:gd name="connsiteY62" fmla="*/ 6545648 h 6857967"/>
              <a:gd name="connsiteX63" fmla="*/ 6973880 w 12191941"/>
              <a:gd name="connsiteY63" fmla="*/ 6474347 h 6857967"/>
              <a:gd name="connsiteX64" fmla="*/ 6759906 w 12191941"/>
              <a:gd name="connsiteY64" fmla="*/ 6474347 h 6857967"/>
              <a:gd name="connsiteX65" fmla="*/ 6759906 w 12191941"/>
              <a:gd name="connsiteY65" fmla="*/ 6545648 h 6857967"/>
              <a:gd name="connsiteX66" fmla="*/ 6831207 w 12191941"/>
              <a:gd name="connsiteY66" fmla="*/ 6545648 h 6857967"/>
              <a:gd name="connsiteX67" fmla="*/ 6831207 w 12191941"/>
              <a:gd name="connsiteY67" fmla="*/ 6474347 h 6857967"/>
              <a:gd name="connsiteX68" fmla="*/ 6617234 w 12191941"/>
              <a:gd name="connsiteY68" fmla="*/ 6474347 h 6857967"/>
              <a:gd name="connsiteX69" fmla="*/ 6617234 w 12191941"/>
              <a:gd name="connsiteY69" fmla="*/ 6545648 h 6857967"/>
              <a:gd name="connsiteX70" fmla="*/ 6688535 w 12191941"/>
              <a:gd name="connsiteY70" fmla="*/ 6545648 h 6857967"/>
              <a:gd name="connsiteX71" fmla="*/ 6688535 w 12191941"/>
              <a:gd name="connsiteY71" fmla="*/ 6474347 h 6857967"/>
              <a:gd name="connsiteX72" fmla="*/ 6474632 w 12191941"/>
              <a:gd name="connsiteY72" fmla="*/ 6474347 h 6857967"/>
              <a:gd name="connsiteX73" fmla="*/ 6474632 w 12191941"/>
              <a:gd name="connsiteY73" fmla="*/ 6545648 h 6857967"/>
              <a:gd name="connsiteX74" fmla="*/ 6545933 w 12191941"/>
              <a:gd name="connsiteY74" fmla="*/ 6545648 h 6857967"/>
              <a:gd name="connsiteX75" fmla="*/ 6545933 w 12191941"/>
              <a:gd name="connsiteY75" fmla="*/ 6474347 h 6857967"/>
              <a:gd name="connsiteX76" fmla="*/ 6331959 w 12191941"/>
              <a:gd name="connsiteY76" fmla="*/ 6474347 h 6857967"/>
              <a:gd name="connsiteX77" fmla="*/ 6331959 w 12191941"/>
              <a:gd name="connsiteY77" fmla="*/ 6545648 h 6857967"/>
              <a:gd name="connsiteX78" fmla="*/ 6403260 w 12191941"/>
              <a:gd name="connsiteY78" fmla="*/ 6545648 h 6857967"/>
              <a:gd name="connsiteX79" fmla="*/ 6403260 w 12191941"/>
              <a:gd name="connsiteY79" fmla="*/ 6474347 h 6857967"/>
              <a:gd name="connsiteX80" fmla="*/ 6189358 w 12191941"/>
              <a:gd name="connsiteY80" fmla="*/ 6474347 h 6857967"/>
              <a:gd name="connsiteX81" fmla="*/ 6189358 w 12191941"/>
              <a:gd name="connsiteY81" fmla="*/ 6545648 h 6857967"/>
              <a:gd name="connsiteX82" fmla="*/ 6260659 w 12191941"/>
              <a:gd name="connsiteY82" fmla="*/ 6545648 h 6857967"/>
              <a:gd name="connsiteX83" fmla="*/ 6260659 w 12191941"/>
              <a:gd name="connsiteY83" fmla="*/ 6474347 h 6857967"/>
              <a:gd name="connsiteX84" fmla="*/ 6046689 w 12191941"/>
              <a:gd name="connsiteY84" fmla="*/ 6474347 h 6857967"/>
              <a:gd name="connsiteX85" fmla="*/ 6046689 w 12191941"/>
              <a:gd name="connsiteY85" fmla="*/ 6545648 h 6857967"/>
              <a:gd name="connsiteX86" fmla="*/ 6117986 w 12191941"/>
              <a:gd name="connsiteY86" fmla="*/ 6545648 h 6857967"/>
              <a:gd name="connsiteX87" fmla="*/ 6117986 w 12191941"/>
              <a:gd name="connsiteY87" fmla="*/ 6474347 h 6857967"/>
              <a:gd name="connsiteX88" fmla="*/ 5904022 w 12191941"/>
              <a:gd name="connsiteY88" fmla="*/ 6474347 h 6857967"/>
              <a:gd name="connsiteX89" fmla="*/ 5904022 w 12191941"/>
              <a:gd name="connsiteY89" fmla="*/ 6545648 h 6857967"/>
              <a:gd name="connsiteX90" fmla="*/ 5975319 w 12191941"/>
              <a:gd name="connsiteY90" fmla="*/ 6545648 h 6857967"/>
              <a:gd name="connsiteX91" fmla="*/ 5975319 w 12191941"/>
              <a:gd name="connsiteY91" fmla="*/ 6474347 h 6857967"/>
              <a:gd name="connsiteX92" fmla="*/ 5761426 w 12191941"/>
              <a:gd name="connsiteY92" fmla="*/ 6474347 h 6857967"/>
              <a:gd name="connsiteX93" fmla="*/ 5761426 w 12191941"/>
              <a:gd name="connsiteY93" fmla="*/ 6545648 h 6857967"/>
              <a:gd name="connsiteX94" fmla="*/ 5832724 w 12191941"/>
              <a:gd name="connsiteY94" fmla="*/ 6545648 h 6857967"/>
              <a:gd name="connsiteX95" fmla="*/ 5832724 w 12191941"/>
              <a:gd name="connsiteY95" fmla="*/ 6474347 h 6857967"/>
              <a:gd name="connsiteX96" fmla="*/ 5618761 w 12191941"/>
              <a:gd name="connsiteY96" fmla="*/ 6474347 h 6857967"/>
              <a:gd name="connsiteX97" fmla="*/ 5618761 w 12191941"/>
              <a:gd name="connsiteY97" fmla="*/ 6545648 h 6857967"/>
              <a:gd name="connsiteX98" fmla="*/ 5690059 w 12191941"/>
              <a:gd name="connsiteY98" fmla="*/ 6545648 h 6857967"/>
              <a:gd name="connsiteX99" fmla="*/ 5690059 w 12191941"/>
              <a:gd name="connsiteY99" fmla="*/ 6474347 h 6857967"/>
              <a:gd name="connsiteX100" fmla="*/ 5476167 w 12191941"/>
              <a:gd name="connsiteY100" fmla="*/ 6474347 h 6857967"/>
              <a:gd name="connsiteX101" fmla="*/ 5476167 w 12191941"/>
              <a:gd name="connsiteY101" fmla="*/ 6545648 h 6857967"/>
              <a:gd name="connsiteX102" fmla="*/ 5547463 w 12191941"/>
              <a:gd name="connsiteY102" fmla="*/ 6545648 h 6857967"/>
              <a:gd name="connsiteX103" fmla="*/ 5547463 w 12191941"/>
              <a:gd name="connsiteY103" fmla="*/ 6474347 h 6857967"/>
              <a:gd name="connsiteX104" fmla="*/ 5333500 w 12191941"/>
              <a:gd name="connsiteY104" fmla="*/ 6474347 h 6857967"/>
              <a:gd name="connsiteX105" fmla="*/ 5333500 w 12191941"/>
              <a:gd name="connsiteY105" fmla="*/ 6545648 h 6857967"/>
              <a:gd name="connsiteX106" fmla="*/ 5404799 w 12191941"/>
              <a:gd name="connsiteY106" fmla="*/ 6545648 h 6857967"/>
              <a:gd name="connsiteX107" fmla="*/ 5404799 w 12191941"/>
              <a:gd name="connsiteY107" fmla="*/ 6474347 h 6857967"/>
              <a:gd name="connsiteX108" fmla="*/ 5190877 w 12191941"/>
              <a:gd name="connsiteY108" fmla="*/ 6474347 h 6857967"/>
              <a:gd name="connsiteX109" fmla="*/ 5190877 w 12191941"/>
              <a:gd name="connsiteY109" fmla="*/ 6545648 h 6857967"/>
              <a:gd name="connsiteX110" fmla="*/ 5262188 w 12191941"/>
              <a:gd name="connsiteY110" fmla="*/ 6545648 h 6857967"/>
              <a:gd name="connsiteX111" fmla="*/ 5262188 w 12191941"/>
              <a:gd name="connsiteY111" fmla="*/ 6474347 h 6857967"/>
              <a:gd name="connsiteX112" fmla="*/ 5048236 w 12191941"/>
              <a:gd name="connsiteY112" fmla="*/ 6474347 h 6857967"/>
              <a:gd name="connsiteX113" fmla="*/ 5048236 w 12191941"/>
              <a:gd name="connsiteY113" fmla="*/ 6545648 h 6857967"/>
              <a:gd name="connsiteX114" fmla="*/ 5119527 w 12191941"/>
              <a:gd name="connsiteY114" fmla="*/ 6545648 h 6857967"/>
              <a:gd name="connsiteX115" fmla="*/ 5119527 w 12191941"/>
              <a:gd name="connsiteY115" fmla="*/ 6474347 h 6857967"/>
              <a:gd name="connsiteX116" fmla="*/ 4906607 w 12191941"/>
              <a:gd name="connsiteY116" fmla="*/ 6474347 h 6857967"/>
              <a:gd name="connsiteX117" fmla="*/ 4906607 w 12191941"/>
              <a:gd name="connsiteY117" fmla="*/ 6545648 h 6857967"/>
              <a:gd name="connsiteX118" fmla="*/ 4977916 w 12191941"/>
              <a:gd name="connsiteY118" fmla="*/ 6545648 h 6857967"/>
              <a:gd name="connsiteX119" fmla="*/ 4977916 w 12191941"/>
              <a:gd name="connsiteY119" fmla="*/ 6474347 h 6857967"/>
              <a:gd name="connsiteX120" fmla="*/ 4764013 w 12191941"/>
              <a:gd name="connsiteY120" fmla="*/ 6474347 h 6857967"/>
              <a:gd name="connsiteX121" fmla="*/ 4764013 w 12191941"/>
              <a:gd name="connsiteY121" fmla="*/ 6545648 h 6857967"/>
              <a:gd name="connsiteX122" fmla="*/ 4835311 w 12191941"/>
              <a:gd name="connsiteY122" fmla="*/ 6545648 h 6857967"/>
              <a:gd name="connsiteX123" fmla="*/ 4835311 w 12191941"/>
              <a:gd name="connsiteY123" fmla="*/ 6474347 h 6857967"/>
              <a:gd name="connsiteX124" fmla="*/ 4621341 w 12191941"/>
              <a:gd name="connsiteY124" fmla="*/ 6474347 h 6857967"/>
              <a:gd name="connsiteX125" fmla="*/ 4621341 w 12191941"/>
              <a:gd name="connsiteY125" fmla="*/ 6545648 h 6857967"/>
              <a:gd name="connsiteX126" fmla="*/ 4692639 w 12191941"/>
              <a:gd name="connsiteY126" fmla="*/ 6545648 h 6857967"/>
              <a:gd name="connsiteX127" fmla="*/ 4692639 w 12191941"/>
              <a:gd name="connsiteY127" fmla="*/ 6474347 h 6857967"/>
              <a:gd name="connsiteX128" fmla="*/ 4478666 w 12191941"/>
              <a:gd name="connsiteY128" fmla="*/ 6474347 h 6857967"/>
              <a:gd name="connsiteX129" fmla="*/ 4478666 w 12191941"/>
              <a:gd name="connsiteY129" fmla="*/ 6545648 h 6857967"/>
              <a:gd name="connsiteX130" fmla="*/ 4549969 w 12191941"/>
              <a:gd name="connsiteY130" fmla="*/ 6545648 h 6857967"/>
              <a:gd name="connsiteX131" fmla="*/ 4549969 w 12191941"/>
              <a:gd name="connsiteY131" fmla="*/ 6474347 h 6857967"/>
              <a:gd name="connsiteX132" fmla="*/ 4336061 w 12191941"/>
              <a:gd name="connsiteY132" fmla="*/ 6474347 h 6857967"/>
              <a:gd name="connsiteX133" fmla="*/ 4336061 w 12191941"/>
              <a:gd name="connsiteY133" fmla="*/ 6545648 h 6857967"/>
              <a:gd name="connsiteX134" fmla="*/ 4407362 w 12191941"/>
              <a:gd name="connsiteY134" fmla="*/ 6545648 h 6857967"/>
              <a:gd name="connsiteX135" fmla="*/ 4407362 w 12191941"/>
              <a:gd name="connsiteY135" fmla="*/ 6474347 h 6857967"/>
              <a:gd name="connsiteX136" fmla="*/ 4193412 w 12191941"/>
              <a:gd name="connsiteY136" fmla="*/ 6474347 h 6857967"/>
              <a:gd name="connsiteX137" fmla="*/ 4193412 w 12191941"/>
              <a:gd name="connsiteY137" fmla="*/ 6545648 h 6857967"/>
              <a:gd name="connsiteX138" fmla="*/ 4264695 w 12191941"/>
              <a:gd name="connsiteY138" fmla="*/ 6545648 h 6857967"/>
              <a:gd name="connsiteX139" fmla="*/ 4264695 w 12191941"/>
              <a:gd name="connsiteY139" fmla="*/ 6474347 h 6857967"/>
              <a:gd name="connsiteX140" fmla="*/ 4050809 w 12191941"/>
              <a:gd name="connsiteY140" fmla="*/ 6474347 h 6857967"/>
              <a:gd name="connsiteX141" fmla="*/ 4050809 w 12191941"/>
              <a:gd name="connsiteY141" fmla="*/ 6545648 h 6857967"/>
              <a:gd name="connsiteX142" fmla="*/ 4122113 w 12191941"/>
              <a:gd name="connsiteY142" fmla="*/ 6545648 h 6857967"/>
              <a:gd name="connsiteX143" fmla="*/ 4122113 w 12191941"/>
              <a:gd name="connsiteY143" fmla="*/ 6474347 h 6857967"/>
              <a:gd name="connsiteX144" fmla="*/ 3908136 w 12191941"/>
              <a:gd name="connsiteY144" fmla="*/ 6474347 h 6857967"/>
              <a:gd name="connsiteX145" fmla="*/ 3908136 w 12191941"/>
              <a:gd name="connsiteY145" fmla="*/ 6545648 h 6857967"/>
              <a:gd name="connsiteX146" fmla="*/ 3979438 w 12191941"/>
              <a:gd name="connsiteY146" fmla="*/ 6545648 h 6857967"/>
              <a:gd name="connsiteX147" fmla="*/ 3979438 w 12191941"/>
              <a:gd name="connsiteY147" fmla="*/ 6474347 h 6857967"/>
              <a:gd name="connsiteX148" fmla="*/ 3765462 w 12191941"/>
              <a:gd name="connsiteY148" fmla="*/ 6474347 h 6857967"/>
              <a:gd name="connsiteX149" fmla="*/ 3765462 w 12191941"/>
              <a:gd name="connsiteY149" fmla="*/ 6545648 h 6857967"/>
              <a:gd name="connsiteX150" fmla="*/ 3836763 w 12191941"/>
              <a:gd name="connsiteY150" fmla="*/ 6545648 h 6857967"/>
              <a:gd name="connsiteX151" fmla="*/ 3836763 w 12191941"/>
              <a:gd name="connsiteY151" fmla="*/ 6474347 h 6857967"/>
              <a:gd name="connsiteX152" fmla="*/ 3622851 w 12191941"/>
              <a:gd name="connsiteY152" fmla="*/ 6474347 h 6857967"/>
              <a:gd name="connsiteX153" fmla="*/ 3622851 w 12191941"/>
              <a:gd name="connsiteY153" fmla="*/ 6545648 h 6857967"/>
              <a:gd name="connsiteX154" fmla="*/ 3694151 w 12191941"/>
              <a:gd name="connsiteY154" fmla="*/ 6545648 h 6857967"/>
              <a:gd name="connsiteX155" fmla="*/ 3694151 w 12191941"/>
              <a:gd name="connsiteY155" fmla="*/ 6474347 h 6857967"/>
              <a:gd name="connsiteX156" fmla="*/ 3480203 w 12191941"/>
              <a:gd name="connsiteY156" fmla="*/ 6474347 h 6857967"/>
              <a:gd name="connsiteX157" fmla="*/ 3480203 w 12191941"/>
              <a:gd name="connsiteY157" fmla="*/ 6545648 h 6857967"/>
              <a:gd name="connsiteX158" fmla="*/ 3551509 w 12191941"/>
              <a:gd name="connsiteY158" fmla="*/ 6545648 h 6857967"/>
              <a:gd name="connsiteX159" fmla="*/ 3551509 w 12191941"/>
              <a:gd name="connsiteY159" fmla="*/ 6474347 h 6857967"/>
              <a:gd name="connsiteX160" fmla="*/ 3337579 w 12191941"/>
              <a:gd name="connsiteY160" fmla="*/ 6474347 h 6857967"/>
              <a:gd name="connsiteX161" fmla="*/ 3337579 w 12191941"/>
              <a:gd name="connsiteY161" fmla="*/ 6545648 h 6857967"/>
              <a:gd name="connsiteX162" fmla="*/ 3408880 w 12191941"/>
              <a:gd name="connsiteY162" fmla="*/ 6545648 h 6857967"/>
              <a:gd name="connsiteX163" fmla="*/ 3408880 w 12191941"/>
              <a:gd name="connsiteY163" fmla="*/ 6474347 h 6857967"/>
              <a:gd name="connsiteX164" fmla="*/ 3194905 w 12191941"/>
              <a:gd name="connsiteY164" fmla="*/ 6474347 h 6857967"/>
              <a:gd name="connsiteX165" fmla="*/ 3194905 w 12191941"/>
              <a:gd name="connsiteY165" fmla="*/ 6545648 h 6857967"/>
              <a:gd name="connsiteX166" fmla="*/ 3266206 w 12191941"/>
              <a:gd name="connsiteY166" fmla="*/ 6545648 h 6857967"/>
              <a:gd name="connsiteX167" fmla="*/ 3266206 w 12191941"/>
              <a:gd name="connsiteY167" fmla="*/ 6474347 h 6857967"/>
              <a:gd name="connsiteX168" fmla="*/ 3052304 w 12191941"/>
              <a:gd name="connsiteY168" fmla="*/ 6474347 h 6857967"/>
              <a:gd name="connsiteX169" fmla="*/ 3052304 w 12191941"/>
              <a:gd name="connsiteY169" fmla="*/ 6545648 h 6857967"/>
              <a:gd name="connsiteX170" fmla="*/ 3123606 w 12191941"/>
              <a:gd name="connsiteY170" fmla="*/ 6545648 h 6857967"/>
              <a:gd name="connsiteX171" fmla="*/ 3123606 w 12191941"/>
              <a:gd name="connsiteY171" fmla="*/ 6474347 h 6857967"/>
              <a:gd name="connsiteX172" fmla="*/ 2909633 w 12191941"/>
              <a:gd name="connsiteY172" fmla="*/ 6474347 h 6857967"/>
              <a:gd name="connsiteX173" fmla="*/ 2909633 w 12191941"/>
              <a:gd name="connsiteY173" fmla="*/ 6545648 h 6857967"/>
              <a:gd name="connsiteX174" fmla="*/ 2980934 w 12191941"/>
              <a:gd name="connsiteY174" fmla="*/ 6545648 h 6857967"/>
              <a:gd name="connsiteX175" fmla="*/ 2980934 w 12191941"/>
              <a:gd name="connsiteY175" fmla="*/ 6474347 h 6857967"/>
              <a:gd name="connsiteX176" fmla="*/ 2767033 w 12191941"/>
              <a:gd name="connsiteY176" fmla="*/ 6474347 h 6857967"/>
              <a:gd name="connsiteX177" fmla="*/ 2767033 w 12191941"/>
              <a:gd name="connsiteY177" fmla="*/ 6545648 h 6857967"/>
              <a:gd name="connsiteX178" fmla="*/ 2838334 w 12191941"/>
              <a:gd name="connsiteY178" fmla="*/ 6545648 h 6857967"/>
              <a:gd name="connsiteX179" fmla="*/ 2838334 w 12191941"/>
              <a:gd name="connsiteY179" fmla="*/ 6474347 h 6857967"/>
              <a:gd name="connsiteX180" fmla="*/ 2624360 w 12191941"/>
              <a:gd name="connsiteY180" fmla="*/ 6474347 h 6857967"/>
              <a:gd name="connsiteX181" fmla="*/ 2624360 w 12191941"/>
              <a:gd name="connsiteY181" fmla="*/ 6545648 h 6857967"/>
              <a:gd name="connsiteX182" fmla="*/ 2695661 w 12191941"/>
              <a:gd name="connsiteY182" fmla="*/ 6545648 h 6857967"/>
              <a:gd name="connsiteX183" fmla="*/ 2695661 w 12191941"/>
              <a:gd name="connsiteY183" fmla="*/ 6474347 h 6857967"/>
              <a:gd name="connsiteX184" fmla="*/ 2481690 w 12191941"/>
              <a:gd name="connsiteY184" fmla="*/ 6474347 h 6857967"/>
              <a:gd name="connsiteX185" fmla="*/ 2481690 w 12191941"/>
              <a:gd name="connsiteY185" fmla="*/ 6545648 h 6857967"/>
              <a:gd name="connsiteX186" fmla="*/ 2552990 w 12191941"/>
              <a:gd name="connsiteY186" fmla="*/ 6545648 h 6857967"/>
              <a:gd name="connsiteX187" fmla="*/ 2552990 w 12191941"/>
              <a:gd name="connsiteY187" fmla="*/ 6474347 h 6857967"/>
              <a:gd name="connsiteX188" fmla="*/ 2339090 w 12191941"/>
              <a:gd name="connsiteY188" fmla="*/ 6474347 h 6857967"/>
              <a:gd name="connsiteX189" fmla="*/ 2339090 w 12191941"/>
              <a:gd name="connsiteY189" fmla="*/ 6545648 h 6857967"/>
              <a:gd name="connsiteX190" fmla="*/ 2410390 w 12191941"/>
              <a:gd name="connsiteY190" fmla="*/ 6545648 h 6857967"/>
              <a:gd name="connsiteX191" fmla="*/ 2410390 w 12191941"/>
              <a:gd name="connsiteY191" fmla="*/ 6474347 h 6857967"/>
              <a:gd name="connsiteX192" fmla="*/ 2196420 w 12191941"/>
              <a:gd name="connsiteY192" fmla="*/ 6474347 h 6857967"/>
              <a:gd name="connsiteX193" fmla="*/ 2196420 w 12191941"/>
              <a:gd name="connsiteY193" fmla="*/ 6545648 h 6857967"/>
              <a:gd name="connsiteX194" fmla="*/ 2267720 w 12191941"/>
              <a:gd name="connsiteY194" fmla="*/ 6545648 h 6857967"/>
              <a:gd name="connsiteX195" fmla="*/ 2267720 w 12191941"/>
              <a:gd name="connsiteY195" fmla="*/ 6474347 h 6857967"/>
              <a:gd name="connsiteX196" fmla="*/ 2053813 w 12191941"/>
              <a:gd name="connsiteY196" fmla="*/ 6474347 h 6857967"/>
              <a:gd name="connsiteX197" fmla="*/ 2053813 w 12191941"/>
              <a:gd name="connsiteY197" fmla="*/ 6545648 h 6857967"/>
              <a:gd name="connsiteX198" fmla="*/ 2125117 w 12191941"/>
              <a:gd name="connsiteY198" fmla="*/ 6545648 h 6857967"/>
              <a:gd name="connsiteX199" fmla="*/ 2125117 w 12191941"/>
              <a:gd name="connsiteY199" fmla="*/ 6474347 h 6857967"/>
              <a:gd name="connsiteX200" fmla="*/ 1911141 w 12191941"/>
              <a:gd name="connsiteY200" fmla="*/ 6474347 h 6857967"/>
              <a:gd name="connsiteX201" fmla="*/ 1911141 w 12191941"/>
              <a:gd name="connsiteY201" fmla="*/ 6545648 h 6857967"/>
              <a:gd name="connsiteX202" fmla="*/ 1982442 w 12191941"/>
              <a:gd name="connsiteY202" fmla="*/ 6545648 h 6857967"/>
              <a:gd name="connsiteX203" fmla="*/ 1982442 w 12191941"/>
              <a:gd name="connsiteY203" fmla="*/ 6474347 h 6857967"/>
              <a:gd name="connsiteX204" fmla="*/ 1768470 w 12191941"/>
              <a:gd name="connsiteY204" fmla="*/ 6474347 h 6857967"/>
              <a:gd name="connsiteX205" fmla="*/ 1768470 w 12191941"/>
              <a:gd name="connsiteY205" fmla="*/ 6545648 h 6857967"/>
              <a:gd name="connsiteX206" fmla="*/ 1839771 w 12191941"/>
              <a:gd name="connsiteY206" fmla="*/ 6545648 h 6857967"/>
              <a:gd name="connsiteX207" fmla="*/ 1839771 w 12191941"/>
              <a:gd name="connsiteY207" fmla="*/ 6474347 h 6857967"/>
              <a:gd name="connsiteX208" fmla="*/ 1625870 w 12191941"/>
              <a:gd name="connsiteY208" fmla="*/ 6474347 h 6857967"/>
              <a:gd name="connsiteX209" fmla="*/ 1625870 w 12191941"/>
              <a:gd name="connsiteY209" fmla="*/ 6545648 h 6857967"/>
              <a:gd name="connsiteX210" fmla="*/ 1697170 w 12191941"/>
              <a:gd name="connsiteY210" fmla="*/ 6545648 h 6857967"/>
              <a:gd name="connsiteX211" fmla="*/ 1697170 w 12191941"/>
              <a:gd name="connsiteY211" fmla="*/ 6474347 h 6857967"/>
              <a:gd name="connsiteX212" fmla="*/ 1483199 w 12191941"/>
              <a:gd name="connsiteY212" fmla="*/ 6474347 h 6857967"/>
              <a:gd name="connsiteX213" fmla="*/ 1483199 w 12191941"/>
              <a:gd name="connsiteY213" fmla="*/ 6545648 h 6857967"/>
              <a:gd name="connsiteX214" fmla="*/ 1554500 w 12191941"/>
              <a:gd name="connsiteY214" fmla="*/ 6545648 h 6857967"/>
              <a:gd name="connsiteX215" fmla="*/ 1554500 w 12191941"/>
              <a:gd name="connsiteY215" fmla="*/ 6474347 h 6857967"/>
              <a:gd name="connsiteX216" fmla="*/ 1340599 w 12191941"/>
              <a:gd name="connsiteY216" fmla="*/ 6474347 h 6857967"/>
              <a:gd name="connsiteX217" fmla="*/ 1340599 w 12191941"/>
              <a:gd name="connsiteY217" fmla="*/ 6545648 h 6857967"/>
              <a:gd name="connsiteX218" fmla="*/ 1411899 w 12191941"/>
              <a:gd name="connsiteY218" fmla="*/ 6545648 h 6857967"/>
              <a:gd name="connsiteX219" fmla="*/ 1411899 w 12191941"/>
              <a:gd name="connsiteY219" fmla="*/ 6474347 h 6857967"/>
              <a:gd name="connsiteX220" fmla="*/ 1197929 w 12191941"/>
              <a:gd name="connsiteY220" fmla="*/ 6474347 h 6857967"/>
              <a:gd name="connsiteX221" fmla="*/ 1197929 w 12191941"/>
              <a:gd name="connsiteY221" fmla="*/ 6545648 h 6857967"/>
              <a:gd name="connsiteX222" fmla="*/ 1269230 w 12191941"/>
              <a:gd name="connsiteY222" fmla="*/ 6545648 h 6857967"/>
              <a:gd name="connsiteX223" fmla="*/ 1269230 w 12191941"/>
              <a:gd name="connsiteY223" fmla="*/ 6474347 h 6857967"/>
              <a:gd name="connsiteX224" fmla="*/ 1055311 w 12191941"/>
              <a:gd name="connsiteY224" fmla="*/ 6474347 h 6857967"/>
              <a:gd name="connsiteX225" fmla="*/ 1055311 w 12191941"/>
              <a:gd name="connsiteY225" fmla="*/ 6545648 h 6857967"/>
              <a:gd name="connsiteX226" fmla="*/ 1126612 w 12191941"/>
              <a:gd name="connsiteY226" fmla="*/ 6545648 h 6857967"/>
              <a:gd name="connsiteX227" fmla="*/ 1126612 w 12191941"/>
              <a:gd name="connsiteY227" fmla="*/ 6474347 h 6857967"/>
              <a:gd name="connsiteX228" fmla="*/ 912657 w 12191941"/>
              <a:gd name="connsiteY228" fmla="*/ 6474347 h 6857967"/>
              <a:gd name="connsiteX229" fmla="*/ 912657 w 12191941"/>
              <a:gd name="connsiteY229" fmla="*/ 6545648 h 6857967"/>
              <a:gd name="connsiteX230" fmla="*/ 983958 w 12191941"/>
              <a:gd name="connsiteY230" fmla="*/ 6545648 h 6857967"/>
              <a:gd name="connsiteX231" fmla="*/ 983958 w 12191941"/>
              <a:gd name="connsiteY231" fmla="*/ 6474347 h 6857967"/>
              <a:gd name="connsiteX232" fmla="*/ 771135 w 12191941"/>
              <a:gd name="connsiteY232" fmla="*/ 6474347 h 6857967"/>
              <a:gd name="connsiteX233" fmla="*/ 771135 w 12191941"/>
              <a:gd name="connsiteY233" fmla="*/ 6545648 h 6857967"/>
              <a:gd name="connsiteX234" fmla="*/ 842436 w 12191941"/>
              <a:gd name="connsiteY234" fmla="*/ 6545648 h 6857967"/>
              <a:gd name="connsiteX235" fmla="*/ 842436 w 12191941"/>
              <a:gd name="connsiteY235" fmla="*/ 6474347 h 6857967"/>
              <a:gd name="connsiteX236" fmla="*/ 628534 w 12191941"/>
              <a:gd name="connsiteY236" fmla="*/ 6474347 h 6857967"/>
              <a:gd name="connsiteX237" fmla="*/ 628534 w 12191941"/>
              <a:gd name="connsiteY237" fmla="*/ 6545648 h 6857967"/>
              <a:gd name="connsiteX238" fmla="*/ 699835 w 12191941"/>
              <a:gd name="connsiteY238" fmla="*/ 6545648 h 6857967"/>
              <a:gd name="connsiteX239" fmla="*/ 699835 w 12191941"/>
              <a:gd name="connsiteY239" fmla="*/ 6474347 h 6857967"/>
              <a:gd name="connsiteX240" fmla="*/ 485863 w 12191941"/>
              <a:gd name="connsiteY240" fmla="*/ 6474347 h 6857967"/>
              <a:gd name="connsiteX241" fmla="*/ 485863 w 12191941"/>
              <a:gd name="connsiteY241" fmla="*/ 6545648 h 6857967"/>
              <a:gd name="connsiteX242" fmla="*/ 557163 w 12191941"/>
              <a:gd name="connsiteY242" fmla="*/ 6545648 h 6857967"/>
              <a:gd name="connsiteX243" fmla="*/ 557163 w 12191941"/>
              <a:gd name="connsiteY243" fmla="*/ 6474347 h 6857967"/>
              <a:gd name="connsiteX244" fmla="*/ 343191 w 12191941"/>
              <a:gd name="connsiteY244" fmla="*/ 6474347 h 6857967"/>
              <a:gd name="connsiteX245" fmla="*/ 343191 w 12191941"/>
              <a:gd name="connsiteY245" fmla="*/ 6545648 h 6857967"/>
              <a:gd name="connsiteX246" fmla="*/ 414492 w 12191941"/>
              <a:gd name="connsiteY246" fmla="*/ 6545648 h 6857967"/>
              <a:gd name="connsiteX247" fmla="*/ 414492 w 12191941"/>
              <a:gd name="connsiteY247" fmla="*/ 6474347 h 6857967"/>
              <a:gd name="connsiteX248" fmla="*/ 200587 w 12191941"/>
              <a:gd name="connsiteY248" fmla="*/ 6474347 h 6857967"/>
              <a:gd name="connsiteX249" fmla="*/ 200587 w 12191941"/>
              <a:gd name="connsiteY249" fmla="*/ 6545648 h 6857967"/>
              <a:gd name="connsiteX250" fmla="*/ 271888 w 12191941"/>
              <a:gd name="connsiteY250" fmla="*/ 6545648 h 6857967"/>
              <a:gd name="connsiteX251" fmla="*/ 271888 w 12191941"/>
              <a:gd name="connsiteY251" fmla="*/ 6474347 h 6857967"/>
              <a:gd name="connsiteX252" fmla="*/ 57918 w 12191941"/>
              <a:gd name="connsiteY252" fmla="*/ 6474347 h 6857967"/>
              <a:gd name="connsiteX253" fmla="*/ 57918 w 12191941"/>
              <a:gd name="connsiteY253" fmla="*/ 6545648 h 6857967"/>
              <a:gd name="connsiteX254" fmla="*/ 129219 w 12191941"/>
              <a:gd name="connsiteY254" fmla="*/ 6545648 h 6857967"/>
              <a:gd name="connsiteX255" fmla="*/ 129219 w 12191941"/>
              <a:gd name="connsiteY255" fmla="*/ 6474347 h 6857967"/>
              <a:gd name="connsiteX256" fmla="*/ 10040665 w 12191941"/>
              <a:gd name="connsiteY256" fmla="*/ 6325709 h 6857967"/>
              <a:gd name="connsiteX257" fmla="*/ 10040665 w 12191941"/>
              <a:gd name="connsiteY257" fmla="*/ 6397010 h 6857967"/>
              <a:gd name="connsiteX258" fmla="*/ 10111966 w 12191941"/>
              <a:gd name="connsiteY258" fmla="*/ 6397010 h 6857967"/>
              <a:gd name="connsiteX259" fmla="*/ 10111966 w 12191941"/>
              <a:gd name="connsiteY259" fmla="*/ 6325709 h 6857967"/>
              <a:gd name="connsiteX260" fmla="*/ 9898063 w 12191941"/>
              <a:gd name="connsiteY260" fmla="*/ 6325709 h 6857967"/>
              <a:gd name="connsiteX261" fmla="*/ 9898063 w 12191941"/>
              <a:gd name="connsiteY261" fmla="*/ 6397010 h 6857967"/>
              <a:gd name="connsiteX262" fmla="*/ 9969363 w 12191941"/>
              <a:gd name="connsiteY262" fmla="*/ 6397010 h 6857967"/>
              <a:gd name="connsiteX263" fmla="*/ 9969363 w 12191941"/>
              <a:gd name="connsiteY263" fmla="*/ 6325709 h 6857967"/>
              <a:gd name="connsiteX264" fmla="*/ 9755391 w 12191941"/>
              <a:gd name="connsiteY264" fmla="*/ 6325709 h 6857967"/>
              <a:gd name="connsiteX265" fmla="*/ 9755391 w 12191941"/>
              <a:gd name="connsiteY265" fmla="*/ 6397010 h 6857967"/>
              <a:gd name="connsiteX266" fmla="*/ 9826692 w 12191941"/>
              <a:gd name="connsiteY266" fmla="*/ 6397010 h 6857967"/>
              <a:gd name="connsiteX267" fmla="*/ 9826692 w 12191941"/>
              <a:gd name="connsiteY267" fmla="*/ 6325709 h 6857967"/>
              <a:gd name="connsiteX268" fmla="*/ 9612718 w 12191941"/>
              <a:gd name="connsiteY268" fmla="*/ 6325709 h 6857967"/>
              <a:gd name="connsiteX269" fmla="*/ 9612718 w 12191941"/>
              <a:gd name="connsiteY269" fmla="*/ 6397010 h 6857967"/>
              <a:gd name="connsiteX270" fmla="*/ 9684019 w 12191941"/>
              <a:gd name="connsiteY270" fmla="*/ 6397010 h 6857967"/>
              <a:gd name="connsiteX271" fmla="*/ 9684019 w 12191941"/>
              <a:gd name="connsiteY271" fmla="*/ 6325709 h 6857967"/>
              <a:gd name="connsiteX272" fmla="*/ 9470117 w 12191941"/>
              <a:gd name="connsiteY272" fmla="*/ 6325709 h 6857967"/>
              <a:gd name="connsiteX273" fmla="*/ 9470117 w 12191941"/>
              <a:gd name="connsiteY273" fmla="*/ 6397010 h 6857967"/>
              <a:gd name="connsiteX274" fmla="*/ 9541417 w 12191941"/>
              <a:gd name="connsiteY274" fmla="*/ 6397010 h 6857967"/>
              <a:gd name="connsiteX275" fmla="*/ 9541417 w 12191941"/>
              <a:gd name="connsiteY275" fmla="*/ 6325709 h 6857967"/>
              <a:gd name="connsiteX276" fmla="*/ 9327444 w 12191941"/>
              <a:gd name="connsiteY276" fmla="*/ 6325709 h 6857967"/>
              <a:gd name="connsiteX277" fmla="*/ 9327444 w 12191941"/>
              <a:gd name="connsiteY277" fmla="*/ 6397010 h 6857967"/>
              <a:gd name="connsiteX278" fmla="*/ 9398745 w 12191941"/>
              <a:gd name="connsiteY278" fmla="*/ 6397010 h 6857967"/>
              <a:gd name="connsiteX279" fmla="*/ 9398745 w 12191941"/>
              <a:gd name="connsiteY279" fmla="*/ 6325709 h 6857967"/>
              <a:gd name="connsiteX280" fmla="*/ 9184842 w 12191941"/>
              <a:gd name="connsiteY280" fmla="*/ 6325709 h 6857967"/>
              <a:gd name="connsiteX281" fmla="*/ 9184842 w 12191941"/>
              <a:gd name="connsiteY281" fmla="*/ 6397010 h 6857967"/>
              <a:gd name="connsiteX282" fmla="*/ 9256143 w 12191941"/>
              <a:gd name="connsiteY282" fmla="*/ 6397010 h 6857967"/>
              <a:gd name="connsiteX283" fmla="*/ 9256143 w 12191941"/>
              <a:gd name="connsiteY283" fmla="*/ 6325709 h 6857967"/>
              <a:gd name="connsiteX284" fmla="*/ 9042170 w 12191941"/>
              <a:gd name="connsiteY284" fmla="*/ 6325709 h 6857967"/>
              <a:gd name="connsiteX285" fmla="*/ 9042170 w 12191941"/>
              <a:gd name="connsiteY285" fmla="*/ 6397010 h 6857967"/>
              <a:gd name="connsiteX286" fmla="*/ 9113471 w 12191941"/>
              <a:gd name="connsiteY286" fmla="*/ 6397010 h 6857967"/>
              <a:gd name="connsiteX287" fmla="*/ 9113471 w 12191941"/>
              <a:gd name="connsiteY287" fmla="*/ 6325709 h 6857967"/>
              <a:gd name="connsiteX288" fmla="*/ 8899568 w 12191941"/>
              <a:gd name="connsiteY288" fmla="*/ 6325709 h 6857967"/>
              <a:gd name="connsiteX289" fmla="*/ 8899568 w 12191941"/>
              <a:gd name="connsiteY289" fmla="*/ 6397010 h 6857967"/>
              <a:gd name="connsiteX290" fmla="*/ 8970869 w 12191941"/>
              <a:gd name="connsiteY290" fmla="*/ 6397010 h 6857967"/>
              <a:gd name="connsiteX291" fmla="*/ 8970869 w 12191941"/>
              <a:gd name="connsiteY291" fmla="*/ 6325709 h 6857967"/>
              <a:gd name="connsiteX292" fmla="*/ 8756896 w 12191941"/>
              <a:gd name="connsiteY292" fmla="*/ 6325709 h 6857967"/>
              <a:gd name="connsiteX293" fmla="*/ 8756896 w 12191941"/>
              <a:gd name="connsiteY293" fmla="*/ 6397010 h 6857967"/>
              <a:gd name="connsiteX294" fmla="*/ 8828196 w 12191941"/>
              <a:gd name="connsiteY294" fmla="*/ 6397010 h 6857967"/>
              <a:gd name="connsiteX295" fmla="*/ 8828196 w 12191941"/>
              <a:gd name="connsiteY295" fmla="*/ 6325709 h 6857967"/>
              <a:gd name="connsiteX296" fmla="*/ 8614223 w 12191941"/>
              <a:gd name="connsiteY296" fmla="*/ 6325709 h 6857967"/>
              <a:gd name="connsiteX297" fmla="*/ 8614223 w 12191941"/>
              <a:gd name="connsiteY297" fmla="*/ 6397010 h 6857967"/>
              <a:gd name="connsiteX298" fmla="*/ 8685524 w 12191941"/>
              <a:gd name="connsiteY298" fmla="*/ 6397010 h 6857967"/>
              <a:gd name="connsiteX299" fmla="*/ 8685524 w 12191941"/>
              <a:gd name="connsiteY299" fmla="*/ 6325709 h 6857967"/>
              <a:gd name="connsiteX300" fmla="*/ 8471622 w 12191941"/>
              <a:gd name="connsiteY300" fmla="*/ 6325709 h 6857967"/>
              <a:gd name="connsiteX301" fmla="*/ 8471622 w 12191941"/>
              <a:gd name="connsiteY301" fmla="*/ 6397010 h 6857967"/>
              <a:gd name="connsiteX302" fmla="*/ 8542923 w 12191941"/>
              <a:gd name="connsiteY302" fmla="*/ 6397010 h 6857967"/>
              <a:gd name="connsiteX303" fmla="*/ 8542923 w 12191941"/>
              <a:gd name="connsiteY303" fmla="*/ 6325709 h 6857967"/>
              <a:gd name="connsiteX304" fmla="*/ 8328949 w 12191941"/>
              <a:gd name="connsiteY304" fmla="*/ 6325709 h 6857967"/>
              <a:gd name="connsiteX305" fmla="*/ 8328949 w 12191941"/>
              <a:gd name="connsiteY305" fmla="*/ 6397010 h 6857967"/>
              <a:gd name="connsiteX306" fmla="*/ 8400250 w 12191941"/>
              <a:gd name="connsiteY306" fmla="*/ 6397010 h 6857967"/>
              <a:gd name="connsiteX307" fmla="*/ 8400250 w 12191941"/>
              <a:gd name="connsiteY307" fmla="*/ 6325709 h 6857967"/>
              <a:gd name="connsiteX308" fmla="*/ 8186348 w 12191941"/>
              <a:gd name="connsiteY308" fmla="*/ 6325709 h 6857967"/>
              <a:gd name="connsiteX309" fmla="*/ 8186348 w 12191941"/>
              <a:gd name="connsiteY309" fmla="*/ 6397010 h 6857967"/>
              <a:gd name="connsiteX310" fmla="*/ 8257649 w 12191941"/>
              <a:gd name="connsiteY310" fmla="*/ 6397010 h 6857967"/>
              <a:gd name="connsiteX311" fmla="*/ 8257649 w 12191941"/>
              <a:gd name="connsiteY311" fmla="*/ 6325709 h 6857967"/>
              <a:gd name="connsiteX312" fmla="*/ 8043675 w 12191941"/>
              <a:gd name="connsiteY312" fmla="*/ 6325709 h 6857967"/>
              <a:gd name="connsiteX313" fmla="*/ 8043675 w 12191941"/>
              <a:gd name="connsiteY313" fmla="*/ 6397010 h 6857967"/>
              <a:gd name="connsiteX314" fmla="*/ 8114976 w 12191941"/>
              <a:gd name="connsiteY314" fmla="*/ 6397010 h 6857967"/>
              <a:gd name="connsiteX315" fmla="*/ 8114976 w 12191941"/>
              <a:gd name="connsiteY315" fmla="*/ 6325709 h 6857967"/>
              <a:gd name="connsiteX316" fmla="*/ 7901003 w 12191941"/>
              <a:gd name="connsiteY316" fmla="*/ 6325709 h 6857967"/>
              <a:gd name="connsiteX317" fmla="*/ 7901003 w 12191941"/>
              <a:gd name="connsiteY317" fmla="*/ 6397010 h 6857967"/>
              <a:gd name="connsiteX318" fmla="*/ 7972304 w 12191941"/>
              <a:gd name="connsiteY318" fmla="*/ 6397010 h 6857967"/>
              <a:gd name="connsiteX319" fmla="*/ 7972304 w 12191941"/>
              <a:gd name="connsiteY319" fmla="*/ 6325709 h 6857967"/>
              <a:gd name="connsiteX320" fmla="*/ 7758401 w 12191941"/>
              <a:gd name="connsiteY320" fmla="*/ 6325709 h 6857967"/>
              <a:gd name="connsiteX321" fmla="*/ 7758401 w 12191941"/>
              <a:gd name="connsiteY321" fmla="*/ 6397010 h 6857967"/>
              <a:gd name="connsiteX322" fmla="*/ 7829702 w 12191941"/>
              <a:gd name="connsiteY322" fmla="*/ 6397010 h 6857967"/>
              <a:gd name="connsiteX323" fmla="*/ 7829702 w 12191941"/>
              <a:gd name="connsiteY323" fmla="*/ 6325709 h 6857967"/>
              <a:gd name="connsiteX324" fmla="*/ 7615728 w 12191941"/>
              <a:gd name="connsiteY324" fmla="*/ 6325709 h 6857967"/>
              <a:gd name="connsiteX325" fmla="*/ 7615728 w 12191941"/>
              <a:gd name="connsiteY325" fmla="*/ 6397010 h 6857967"/>
              <a:gd name="connsiteX326" fmla="*/ 7687029 w 12191941"/>
              <a:gd name="connsiteY326" fmla="*/ 6397010 h 6857967"/>
              <a:gd name="connsiteX327" fmla="*/ 7687029 w 12191941"/>
              <a:gd name="connsiteY327" fmla="*/ 6325709 h 6857967"/>
              <a:gd name="connsiteX328" fmla="*/ 7473127 w 12191941"/>
              <a:gd name="connsiteY328" fmla="*/ 6325709 h 6857967"/>
              <a:gd name="connsiteX329" fmla="*/ 7473127 w 12191941"/>
              <a:gd name="connsiteY329" fmla="*/ 6397010 h 6857967"/>
              <a:gd name="connsiteX330" fmla="*/ 7544428 w 12191941"/>
              <a:gd name="connsiteY330" fmla="*/ 6397010 h 6857967"/>
              <a:gd name="connsiteX331" fmla="*/ 7544428 w 12191941"/>
              <a:gd name="connsiteY331" fmla="*/ 6325709 h 6857967"/>
              <a:gd name="connsiteX332" fmla="*/ 7330454 w 12191941"/>
              <a:gd name="connsiteY332" fmla="*/ 6325709 h 6857967"/>
              <a:gd name="connsiteX333" fmla="*/ 7330454 w 12191941"/>
              <a:gd name="connsiteY333" fmla="*/ 6397010 h 6857967"/>
              <a:gd name="connsiteX334" fmla="*/ 7401755 w 12191941"/>
              <a:gd name="connsiteY334" fmla="*/ 6397010 h 6857967"/>
              <a:gd name="connsiteX335" fmla="*/ 7401755 w 12191941"/>
              <a:gd name="connsiteY335" fmla="*/ 6325709 h 6857967"/>
              <a:gd name="connsiteX336" fmla="*/ 7187853 w 12191941"/>
              <a:gd name="connsiteY336" fmla="*/ 6325709 h 6857967"/>
              <a:gd name="connsiteX337" fmla="*/ 7187853 w 12191941"/>
              <a:gd name="connsiteY337" fmla="*/ 6397010 h 6857967"/>
              <a:gd name="connsiteX338" fmla="*/ 7259154 w 12191941"/>
              <a:gd name="connsiteY338" fmla="*/ 6397010 h 6857967"/>
              <a:gd name="connsiteX339" fmla="*/ 7259154 w 12191941"/>
              <a:gd name="connsiteY339" fmla="*/ 6325709 h 6857967"/>
              <a:gd name="connsiteX340" fmla="*/ 7045180 w 12191941"/>
              <a:gd name="connsiteY340" fmla="*/ 6325709 h 6857967"/>
              <a:gd name="connsiteX341" fmla="*/ 7045180 w 12191941"/>
              <a:gd name="connsiteY341" fmla="*/ 6397010 h 6857967"/>
              <a:gd name="connsiteX342" fmla="*/ 7116481 w 12191941"/>
              <a:gd name="connsiteY342" fmla="*/ 6397010 h 6857967"/>
              <a:gd name="connsiteX343" fmla="*/ 7116481 w 12191941"/>
              <a:gd name="connsiteY343" fmla="*/ 6325709 h 6857967"/>
              <a:gd name="connsiteX344" fmla="*/ 6902579 w 12191941"/>
              <a:gd name="connsiteY344" fmla="*/ 6325709 h 6857967"/>
              <a:gd name="connsiteX345" fmla="*/ 6902579 w 12191941"/>
              <a:gd name="connsiteY345" fmla="*/ 6397010 h 6857967"/>
              <a:gd name="connsiteX346" fmla="*/ 6973880 w 12191941"/>
              <a:gd name="connsiteY346" fmla="*/ 6397010 h 6857967"/>
              <a:gd name="connsiteX347" fmla="*/ 6973880 w 12191941"/>
              <a:gd name="connsiteY347" fmla="*/ 6325709 h 6857967"/>
              <a:gd name="connsiteX348" fmla="*/ 6759906 w 12191941"/>
              <a:gd name="connsiteY348" fmla="*/ 6325709 h 6857967"/>
              <a:gd name="connsiteX349" fmla="*/ 6759906 w 12191941"/>
              <a:gd name="connsiteY349" fmla="*/ 6397010 h 6857967"/>
              <a:gd name="connsiteX350" fmla="*/ 6831207 w 12191941"/>
              <a:gd name="connsiteY350" fmla="*/ 6397010 h 6857967"/>
              <a:gd name="connsiteX351" fmla="*/ 6831207 w 12191941"/>
              <a:gd name="connsiteY351" fmla="*/ 6325709 h 6857967"/>
              <a:gd name="connsiteX352" fmla="*/ 6617234 w 12191941"/>
              <a:gd name="connsiteY352" fmla="*/ 6325709 h 6857967"/>
              <a:gd name="connsiteX353" fmla="*/ 6617234 w 12191941"/>
              <a:gd name="connsiteY353" fmla="*/ 6397010 h 6857967"/>
              <a:gd name="connsiteX354" fmla="*/ 6688535 w 12191941"/>
              <a:gd name="connsiteY354" fmla="*/ 6397010 h 6857967"/>
              <a:gd name="connsiteX355" fmla="*/ 6688535 w 12191941"/>
              <a:gd name="connsiteY355" fmla="*/ 6325709 h 6857967"/>
              <a:gd name="connsiteX356" fmla="*/ 6474632 w 12191941"/>
              <a:gd name="connsiteY356" fmla="*/ 6325709 h 6857967"/>
              <a:gd name="connsiteX357" fmla="*/ 6474632 w 12191941"/>
              <a:gd name="connsiteY357" fmla="*/ 6397010 h 6857967"/>
              <a:gd name="connsiteX358" fmla="*/ 6545933 w 12191941"/>
              <a:gd name="connsiteY358" fmla="*/ 6397010 h 6857967"/>
              <a:gd name="connsiteX359" fmla="*/ 6545933 w 12191941"/>
              <a:gd name="connsiteY359" fmla="*/ 6325709 h 6857967"/>
              <a:gd name="connsiteX360" fmla="*/ 6331959 w 12191941"/>
              <a:gd name="connsiteY360" fmla="*/ 6325709 h 6857967"/>
              <a:gd name="connsiteX361" fmla="*/ 6331959 w 12191941"/>
              <a:gd name="connsiteY361" fmla="*/ 6397010 h 6857967"/>
              <a:gd name="connsiteX362" fmla="*/ 6403260 w 12191941"/>
              <a:gd name="connsiteY362" fmla="*/ 6397010 h 6857967"/>
              <a:gd name="connsiteX363" fmla="*/ 6403260 w 12191941"/>
              <a:gd name="connsiteY363" fmla="*/ 6325709 h 6857967"/>
              <a:gd name="connsiteX364" fmla="*/ 6189358 w 12191941"/>
              <a:gd name="connsiteY364" fmla="*/ 6325709 h 6857967"/>
              <a:gd name="connsiteX365" fmla="*/ 6189358 w 12191941"/>
              <a:gd name="connsiteY365" fmla="*/ 6397010 h 6857967"/>
              <a:gd name="connsiteX366" fmla="*/ 6260659 w 12191941"/>
              <a:gd name="connsiteY366" fmla="*/ 6397010 h 6857967"/>
              <a:gd name="connsiteX367" fmla="*/ 6260659 w 12191941"/>
              <a:gd name="connsiteY367" fmla="*/ 6325709 h 6857967"/>
              <a:gd name="connsiteX368" fmla="*/ 6046689 w 12191941"/>
              <a:gd name="connsiteY368" fmla="*/ 6325709 h 6857967"/>
              <a:gd name="connsiteX369" fmla="*/ 6046689 w 12191941"/>
              <a:gd name="connsiteY369" fmla="*/ 6397010 h 6857967"/>
              <a:gd name="connsiteX370" fmla="*/ 6117986 w 12191941"/>
              <a:gd name="connsiteY370" fmla="*/ 6397010 h 6857967"/>
              <a:gd name="connsiteX371" fmla="*/ 6117986 w 12191941"/>
              <a:gd name="connsiteY371" fmla="*/ 6325709 h 6857967"/>
              <a:gd name="connsiteX372" fmla="*/ 5904022 w 12191941"/>
              <a:gd name="connsiteY372" fmla="*/ 6325709 h 6857967"/>
              <a:gd name="connsiteX373" fmla="*/ 5904022 w 12191941"/>
              <a:gd name="connsiteY373" fmla="*/ 6397010 h 6857967"/>
              <a:gd name="connsiteX374" fmla="*/ 5975319 w 12191941"/>
              <a:gd name="connsiteY374" fmla="*/ 6397010 h 6857967"/>
              <a:gd name="connsiteX375" fmla="*/ 5975319 w 12191941"/>
              <a:gd name="connsiteY375" fmla="*/ 6325709 h 6857967"/>
              <a:gd name="connsiteX376" fmla="*/ 5761426 w 12191941"/>
              <a:gd name="connsiteY376" fmla="*/ 6325709 h 6857967"/>
              <a:gd name="connsiteX377" fmla="*/ 5761426 w 12191941"/>
              <a:gd name="connsiteY377" fmla="*/ 6397010 h 6857967"/>
              <a:gd name="connsiteX378" fmla="*/ 5832724 w 12191941"/>
              <a:gd name="connsiteY378" fmla="*/ 6397010 h 6857967"/>
              <a:gd name="connsiteX379" fmla="*/ 5832724 w 12191941"/>
              <a:gd name="connsiteY379" fmla="*/ 6325709 h 6857967"/>
              <a:gd name="connsiteX380" fmla="*/ 5618761 w 12191941"/>
              <a:gd name="connsiteY380" fmla="*/ 6325709 h 6857967"/>
              <a:gd name="connsiteX381" fmla="*/ 5618761 w 12191941"/>
              <a:gd name="connsiteY381" fmla="*/ 6397010 h 6857967"/>
              <a:gd name="connsiteX382" fmla="*/ 5690059 w 12191941"/>
              <a:gd name="connsiteY382" fmla="*/ 6397010 h 6857967"/>
              <a:gd name="connsiteX383" fmla="*/ 5690059 w 12191941"/>
              <a:gd name="connsiteY383" fmla="*/ 6325709 h 6857967"/>
              <a:gd name="connsiteX384" fmla="*/ 5476167 w 12191941"/>
              <a:gd name="connsiteY384" fmla="*/ 6325709 h 6857967"/>
              <a:gd name="connsiteX385" fmla="*/ 5476167 w 12191941"/>
              <a:gd name="connsiteY385" fmla="*/ 6397010 h 6857967"/>
              <a:gd name="connsiteX386" fmla="*/ 5547465 w 12191941"/>
              <a:gd name="connsiteY386" fmla="*/ 6397010 h 6857967"/>
              <a:gd name="connsiteX387" fmla="*/ 5547465 w 12191941"/>
              <a:gd name="connsiteY387" fmla="*/ 6325709 h 6857967"/>
              <a:gd name="connsiteX388" fmla="*/ 5333500 w 12191941"/>
              <a:gd name="connsiteY388" fmla="*/ 6325709 h 6857967"/>
              <a:gd name="connsiteX389" fmla="*/ 5333500 w 12191941"/>
              <a:gd name="connsiteY389" fmla="*/ 6397010 h 6857967"/>
              <a:gd name="connsiteX390" fmla="*/ 5404799 w 12191941"/>
              <a:gd name="connsiteY390" fmla="*/ 6397010 h 6857967"/>
              <a:gd name="connsiteX391" fmla="*/ 5404799 w 12191941"/>
              <a:gd name="connsiteY391" fmla="*/ 6325709 h 6857967"/>
              <a:gd name="connsiteX392" fmla="*/ 5190877 w 12191941"/>
              <a:gd name="connsiteY392" fmla="*/ 6325709 h 6857967"/>
              <a:gd name="connsiteX393" fmla="*/ 5190877 w 12191941"/>
              <a:gd name="connsiteY393" fmla="*/ 6397010 h 6857967"/>
              <a:gd name="connsiteX394" fmla="*/ 5262188 w 12191941"/>
              <a:gd name="connsiteY394" fmla="*/ 6397010 h 6857967"/>
              <a:gd name="connsiteX395" fmla="*/ 5262188 w 12191941"/>
              <a:gd name="connsiteY395" fmla="*/ 6325709 h 6857967"/>
              <a:gd name="connsiteX396" fmla="*/ 5048236 w 12191941"/>
              <a:gd name="connsiteY396" fmla="*/ 6325709 h 6857967"/>
              <a:gd name="connsiteX397" fmla="*/ 5048236 w 12191941"/>
              <a:gd name="connsiteY397" fmla="*/ 6397010 h 6857967"/>
              <a:gd name="connsiteX398" fmla="*/ 5119527 w 12191941"/>
              <a:gd name="connsiteY398" fmla="*/ 6397010 h 6857967"/>
              <a:gd name="connsiteX399" fmla="*/ 5119527 w 12191941"/>
              <a:gd name="connsiteY399" fmla="*/ 6325709 h 6857967"/>
              <a:gd name="connsiteX400" fmla="*/ 4906607 w 12191941"/>
              <a:gd name="connsiteY400" fmla="*/ 6325709 h 6857967"/>
              <a:gd name="connsiteX401" fmla="*/ 4906607 w 12191941"/>
              <a:gd name="connsiteY401" fmla="*/ 6397010 h 6857967"/>
              <a:gd name="connsiteX402" fmla="*/ 4977916 w 12191941"/>
              <a:gd name="connsiteY402" fmla="*/ 6397010 h 6857967"/>
              <a:gd name="connsiteX403" fmla="*/ 4977916 w 12191941"/>
              <a:gd name="connsiteY403" fmla="*/ 6325709 h 6857967"/>
              <a:gd name="connsiteX404" fmla="*/ 4764013 w 12191941"/>
              <a:gd name="connsiteY404" fmla="*/ 6325709 h 6857967"/>
              <a:gd name="connsiteX405" fmla="*/ 4764013 w 12191941"/>
              <a:gd name="connsiteY405" fmla="*/ 6397010 h 6857967"/>
              <a:gd name="connsiteX406" fmla="*/ 4835311 w 12191941"/>
              <a:gd name="connsiteY406" fmla="*/ 6397010 h 6857967"/>
              <a:gd name="connsiteX407" fmla="*/ 4835311 w 12191941"/>
              <a:gd name="connsiteY407" fmla="*/ 6325709 h 6857967"/>
              <a:gd name="connsiteX408" fmla="*/ 4621341 w 12191941"/>
              <a:gd name="connsiteY408" fmla="*/ 6325709 h 6857967"/>
              <a:gd name="connsiteX409" fmla="*/ 4621341 w 12191941"/>
              <a:gd name="connsiteY409" fmla="*/ 6397010 h 6857967"/>
              <a:gd name="connsiteX410" fmla="*/ 4692639 w 12191941"/>
              <a:gd name="connsiteY410" fmla="*/ 6397010 h 6857967"/>
              <a:gd name="connsiteX411" fmla="*/ 4692639 w 12191941"/>
              <a:gd name="connsiteY411" fmla="*/ 6325709 h 6857967"/>
              <a:gd name="connsiteX412" fmla="*/ 4478666 w 12191941"/>
              <a:gd name="connsiteY412" fmla="*/ 6325709 h 6857967"/>
              <a:gd name="connsiteX413" fmla="*/ 4478666 w 12191941"/>
              <a:gd name="connsiteY413" fmla="*/ 6397010 h 6857967"/>
              <a:gd name="connsiteX414" fmla="*/ 4549969 w 12191941"/>
              <a:gd name="connsiteY414" fmla="*/ 6397010 h 6857967"/>
              <a:gd name="connsiteX415" fmla="*/ 4549969 w 12191941"/>
              <a:gd name="connsiteY415" fmla="*/ 6325709 h 6857967"/>
              <a:gd name="connsiteX416" fmla="*/ 4336067 w 12191941"/>
              <a:gd name="connsiteY416" fmla="*/ 6325709 h 6857967"/>
              <a:gd name="connsiteX417" fmla="*/ 4336067 w 12191941"/>
              <a:gd name="connsiteY417" fmla="*/ 6397010 h 6857967"/>
              <a:gd name="connsiteX418" fmla="*/ 4407366 w 12191941"/>
              <a:gd name="connsiteY418" fmla="*/ 6397010 h 6857967"/>
              <a:gd name="connsiteX419" fmla="*/ 4407366 w 12191941"/>
              <a:gd name="connsiteY419" fmla="*/ 6325709 h 6857967"/>
              <a:gd name="connsiteX420" fmla="*/ 4193413 w 12191941"/>
              <a:gd name="connsiteY420" fmla="*/ 6325709 h 6857967"/>
              <a:gd name="connsiteX421" fmla="*/ 4193413 w 12191941"/>
              <a:gd name="connsiteY421" fmla="*/ 6397010 h 6857967"/>
              <a:gd name="connsiteX422" fmla="*/ 4264695 w 12191941"/>
              <a:gd name="connsiteY422" fmla="*/ 6397010 h 6857967"/>
              <a:gd name="connsiteX423" fmla="*/ 4264695 w 12191941"/>
              <a:gd name="connsiteY423" fmla="*/ 6325709 h 6857967"/>
              <a:gd name="connsiteX424" fmla="*/ 4050810 w 12191941"/>
              <a:gd name="connsiteY424" fmla="*/ 6325709 h 6857967"/>
              <a:gd name="connsiteX425" fmla="*/ 4050810 w 12191941"/>
              <a:gd name="connsiteY425" fmla="*/ 6397010 h 6857967"/>
              <a:gd name="connsiteX426" fmla="*/ 4122113 w 12191941"/>
              <a:gd name="connsiteY426" fmla="*/ 6397010 h 6857967"/>
              <a:gd name="connsiteX427" fmla="*/ 4122113 w 12191941"/>
              <a:gd name="connsiteY427" fmla="*/ 6325709 h 6857967"/>
              <a:gd name="connsiteX428" fmla="*/ 3908136 w 12191941"/>
              <a:gd name="connsiteY428" fmla="*/ 6325709 h 6857967"/>
              <a:gd name="connsiteX429" fmla="*/ 3908136 w 12191941"/>
              <a:gd name="connsiteY429" fmla="*/ 6397010 h 6857967"/>
              <a:gd name="connsiteX430" fmla="*/ 3979438 w 12191941"/>
              <a:gd name="connsiteY430" fmla="*/ 6397010 h 6857967"/>
              <a:gd name="connsiteX431" fmla="*/ 3979438 w 12191941"/>
              <a:gd name="connsiteY431" fmla="*/ 6325709 h 6857967"/>
              <a:gd name="connsiteX432" fmla="*/ 3765462 w 12191941"/>
              <a:gd name="connsiteY432" fmla="*/ 6325709 h 6857967"/>
              <a:gd name="connsiteX433" fmla="*/ 3765462 w 12191941"/>
              <a:gd name="connsiteY433" fmla="*/ 6397010 h 6857967"/>
              <a:gd name="connsiteX434" fmla="*/ 3836763 w 12191941"/>
              <a:gd name="connsiteY434" fmla="*/ 6397010 h 6857967"/>
              <a:gd name="connsiteX435" fmla="*/ 3836763 w 12191941"/>
              <a:gd name="connsiteY435" fmla="*/ 6325709 h 6857967"/>
              <a:gd name="connsiteX436" fmla="*/ 3622851 w 12191941"/>
              <a:gd name="connsiteY436" fmla="*/ 6325709 h 6857967"/>
              <a:gd name="connsiteX437" fmla="*/ 3622851 w 12191941"/>
              <a:gd name="connsiteY437" fmla="*/ 6397010 h 6857967"/>
              <a:gd name="connsiteX438" fmla="*/ 3694151 w 12191941"/>
              <a:gd name="connsiteY438" fmla="*/ 6397010 h 6857967"/>
              <a:gd name="connsiteX439" fmla="*/ 3694151 w 12191941"/>
              <a:gd name="connsiteY439" fmla="*/ 6325709 h 6857967"/>
              <a:gd name="connsiteX440" fmla="*/ 3480203 w 12191941"/>
              <a:gd name="connsiteY440" fmla="*/ 6325709 h 6857967"/>
              <a:gd name="connsiteX441" fmla="*/ 3480203 w 12191941"/>
              <a:gd name="connsiteY441" fmla="*/ 6397010 h 6857967"/>
              <a:gd name="connsiteX442" fmla="*/ 3551509 w 12191941"/>
              <a:gd name="connsiteY442" fmla="*/ 6397010 h 6857967"/>
              <a:gd name="connsiteX443" fmla="*/ 3551509 w 12191941"/>
              <a:gd name="connsiteY443" fmla="*/ 6325709 h 6857967"/>
              <a:gd name="connsiteX444" fmla="*/ 3337580 w 12191941"/>
              <a:gd name="connsiteY444" fmla="*/ 6325709 h 6857967"/>
              <a:gd name="connsiteX445" fmla="*/ 3337580 w 12191941"/>
              <a:gd name="connsiteY445" fmla="*/ 6397010 h 6857967"/>
              <a:gd name="connsiteX446" fmla="*/ 3408881 w 12191941"/>
              <a:gd name="connsiteY446" fmla="*/ 6397010 h 6857967"/>
              <a:gd name="connsiteX447" fmla="*/ 3408881 w 12191941"/>
              <a:gd name="connsiteY447" fmla="*/ 6325709 h 6857967"/>
              <a:gd name="connsiteX448" fmla="*/ 3194905 w 12191941"/>
              <a:gd name="connsiteY448" fmla="*/ 6325709 h 6857967"/>
              <a:gd name="connsiteX449" fmla="*/ 3194905 w 12191941"/>
              <a:gd name="connsiteY449" fmla="*/ 6397010 h 6857967"/>
              <a:gd name="connsiteX450" fmla="*/ 3266208 w 12191941"/>
              <a:gd name="connsiteY450" fmla="*/ 6397010 h 6857967"/>
              <a:gd name="connsiteX451" fmla="*/ 3266208 w 12191941"/>
              <a:gd name="connsiteY451" fmla="*/ 6325709 h 6857967"/>
              <a:gd name="connsiteX452" fmla="*/ 3052305 w 12191941"/>
              <a:gd name="connsiteY452" fmla="*/ 6325709 h 6857967"/>
              <a:gd name="connsiteX453" fmla="*/ 3052305 w 12191941"/>
              <a:gd name="connsiteY453" fmla="*/ 6397010 h 6857967"/>
              <a:gd name="connsiteX454" fmla="*/ 3123607 w 12191941"/>
              <a:gd name="connsiteY454" fmla="*/ 6397010 h 6857967"/>
              <a:gd name="connsiteX455" fmla="*/ 3123607 w 12191941"/>
              <a:gd name="connsiteY455" fmla="*/ 6325709 h 6857967"/>
              <a:gd name="connsiteX456" fmla="*/ 2909633 w 12191941"/>
              <a:gd name="connsiteY456" fmla="*/ 6325709 h 6857967"/>
              <a:gd name="connsiteX457" fmla="*/ 2909633 w 12191941"/>
              <a:gd name="connsiteY457" fmla="*/ 6397010 h 6857967"/>
              <a:gd name="connsiteX458" fmla="*/ 2980934 w 12191941"/>
              <a:gd name="connsiteY458" fmla="*/ 6397010 h 6857967"/>
              <a:gd name="connsiteX459" fmla="*/ 2980934 w 12191941"/>
              <a:gd name="connsiteY459" fmla="*/ 6325709 h 6857967"/>
              <a:gd name="connsiteX460" fmla="*/ 2767033 w 12191941"/>
              <a:gd name="connsiteY460" fmla="*/ 6325709 h 6857967"/>
              <a:gd name="connsiteX461" fmla="*/ 2767033 w 12191941"/>
              <a:gd name="connsiteY461" fmla="*/ 6397010 h 6857967"/>
              <a:gd name="connsiteX462" fmla="*/ 2838334 w 12191941"/>
              <a:gd name="connsiteY462" fmla="*/ 6397010 h 6857967"/>
              <a:gd name="connsiteX463" fmla="*/ 2838334 w 12191941"/>
              <a:gd name="connsiteY463" fmla="*/ 6325709 h 6857967"/>
              <a:gd name="connsiteX464" fmla="*/ 2624361 w 12191941"/>
              <a:gd name="connsiteY464" fmla="*/ 6325709 h 6857967"/>
              <a:gd name="connsiteX465" fmla="*/ 2624361 w 12191941"/>
              <a:gd name="connsiteY465" fmla="*/ 6397010 h 6857967"/>
              <a:gd name="connsiteX466" fmla="*/ 2695661 w 12191941"/>
              <a:gd name="connsiteY466" fmla="*/ 6397010 h 6857967"/>
              <a:gd name="connsiteX467" fmla="*/ 2695661 w 12191941"/>
              <a:gd name="connsiteY467" fmla="*/ 6325709 h 6857967"/>
              <a:gd name="connsiteX468" fmla="*/ 2481690 w 12191941"/>
              <a:gd name="connsiteY468" fmla="*/ 6325709 h 6857967"/>
              <a:gd name="connsiteX469" fmla="*/ 2481690 w 12191941"/>
              <a:gd name="connsiteY469" fmla="*/ 6397010 h 6857967"/>
              <a:gd name="connsiteX470" fmla="*/ 2552991 w 12191941"/>
              <a:gd name="connsiteY470" fmla="*/ 6397010 h 6857967"/>
              <a:gd name="connsiteX471" fmla="*/ 2552991 w 12191941"/>
              <a:gd name="connsiteY471" fmla="*/ 6325709 h 6857967"/>
              <a:gd name="connsiteX472" fmla="*/ 2339091 w 12191941"/>
              <a:gd name="connsiteY472" fmla="*/ 6325709 h 6857967"/>
              <a:gd name="connsiteX473" fmla="*/ 2339091 w 12191941"/>
              <a:gd name="connsiteY473" fmla="*/ 6397010 h 6857967"/>
              <a:gd name="connsiteX474" fmla="*/ 2410390 w 12191941"/>
              <a:gd name="connsiteY474" fmla="*/ 6397010 h 6857967"/>
              <a:gd name="connsiteX475" fmla="*/ 2410390 w 12191941"/>
              <a:gd name="connsiteY475" fmla="*/ 6325709 h 6857967"/>
              <a:gd name="connsiteX476" fmla="*/ 2196420 w 12191941"/>
              <a:gd name="connsiteY476" fmla="*/ 6325709 h 6857967"/>
              <a:gd name="connsiteX477" fmla="*/ 2196420 w 12191941"/>
              <a:gd name="connsiteY477" fmla="*/ 6397010 h 6857967"/>
              <a:gd name="connsiteX478" fmla="*/ 2267720 w 12191941"/>
              <a:gd name="connsiteY478" fmla="*/ 6397010 h 6857967"/>
              <a:gd name="connsiteX479" fmla="*/ 2267720 w 12191941"/>
              <a:gd name="connsiteY479" fmla="*/ 6325709 h 6857967"/>
              <a:gd name="connsiteX480" fmla="*/ 2053813 w 12191941"/>
              <a:gd name="connsiteY480" fmla="*/ 6325709 h 6857967"/>
              <a:gd name="connsiteX481" fmla="*/ 2053813 w 12191941"/>
              <a:gd name="connsiteY481" fmla="*/ 6397010 h 6857967"/>
              <a:gd name="connsiteX482" fmla="*/ 2125117 w 12191941"/>
              <a:gd name="connsiteY482" fmla="*/ 6397010 h 6857967"/>
              <a:gd name="connsiteX483" fmla="*/ 2125117 w 12191941"/>
              <a:gd name="connsiteY483" fmla="*/ 6325709 h 6857967"/>
              <a:gd name="connsiteX484" fmla="*/ 1911141 w 12191941"/>
              <a:gd name="connsiteY484" fmla="*/ 6325709 h 6857967"/>
              <a:gd name="connsiteX485" fmla="*/ 1911141 w 12191941"/>
              <a:gd name="connsiteY485" fmla="*/ 6397010 h 6857967"/>
              <a:gd name="connsiteX486" fmla="*/ 1982442 w 12191941"/>
              <a:gd name="connsiteY486" fmla="*/ 6397010 h 6857967"/>
              <a:gd name="connsiteX487" fmla="*/ 1982442 w 12191941"/>
              <a:gd name="connsiteY487" fmla="*/ 6325709 h 6857967"/>
              <a:gd name="connsiteX488" fmla="*/ 1768470 w 12191941"/>
              <a:gd name="connsiteY488" fmla="*/ 6325709 h 6857967"/>
              <a:gd name="connsiteX489" fmla="*/ 1768470 w 12191941"/>
              <a:gd name="connsiteY489" fmla="*/ 6397010 h 6857967"/>
              <a:gd name="connsiteX490" fmla="*/ 1839771 w 12191941"/>
              <a:gd name="connsiteY490" fmla="*/ 6397010 h 6857967"/>
              <a:gd name="connsiteX491" fmla="*/ 1839771 w 12191941"/>
              <a:gd name="connsiteY491" fmla="*/ 6325709 h 6857967"/>
              <a:gd name="connsiteX492" fmla="*/ 1625870 w 12191941"/>
              <a:gd name="connsiteY492" fmla="*/ 6325709 h 6857967"/>
              <a:gd name="connsiteX493" fmla="*/ 1625870 w 12191941"/>
              <a:gd name="connsiteY493" fmla="*/ 6397010 h 6857967"/>
              <a:gd name="connsiteX494" fmla="*/ 1697170 w 12191941"/>
              <a:gd name="connsiteY494" fmla="*/ 6397010 h 6857967"/>
              <a:gd name="connsiteX495" fmla="*/ 1697170 w 12191941"/>
              <a:gd name="connsiteY495" fmla="*/ 6325709 h 6857967"/>
              <a:gd name="connsiteX496" fmla="*/ 1483199 w 12191941"/>
              <a:gd name="connsiteY496" fmla="*/ 6325709 h 6857967"/>
              <a:gd name="connsiteX497" fmla="*/ 1483199 w 12191941"/>
              <a:gd name="connsiteY497" fmla="*/ 6397010 h 6857967"/>
              <a:gd name="connsiteX498" fmla="*/ 1554500 w 12191941"/>
              <a:gd name="connsiteY498" fmla="*/ 6397010 h 6857967"/>
              <a:gd name="connsiteX499" fmla="*/ 1554500 w 12191941"/>
              <a:gd name="connsiteY499" fmla="*/ 6325709 h 6857967"/>
              <a:gd name="connsiteX500" fmla="*/ 1340599 w 12191941"/>
              <a:gd name="connsiteY500" fmla="*/ 6325709 h 6857967"/>
              <a:gd name="connsiteX501" fmla="*/ 1340599 w 12191941"/>
              <a:gd name="connsiteY501" fmla="*/ 6397010 h 6857967"/>
              <a:gd name="connsiteX502" fmla="*/ 1411899 w 12191941"/>
              <a:gd name="connsiteY502" fmla="*/ 6397010 h 6857967"/>
              <a:gd name="connsiteX503" fmla="*/ 1411899 w 12191941"/>
              <a:gd name="connsiteY503" fmla="*/ 6325709 h 6857967"/>
              <a:gd name="connsiteX504" fmla="*/ 1197929 w 12191941"/>
              <a:gd name="connsiteY504" fmla="*/ 6325709 h 6857967"/>
              <a:gd name="connsiteX505" fmla="*/ 1197929 w 12191941"/>
              <a:gd name="connsiteY505" fmla="*/ 6397010 h 6857967"/>
              <a:gd name="connsiteX506" fmla="*/ 1269230 w 12191941"/>
              <a:gd name="connsiteY506" fmla="*/ 6397010 h 6857967"/>
              <a:gd name="connsiteX507" fmla="*/ 1269230 w 12191941"/>
              <a:gd name="connsiteY507" fmla="*/ 6325709 h 6857967"/>
              <a:gd name="connsiteX508" fmla="*/ 1055311 w 12191941"/>
              <a:gd name="connsiteY508" fmla="*/ 6325709 h 6857967"/>
              <a:gd name="connsiteX509" fmla="*/ 1055311 w 12191941"/>
              <a:gd name="connsiteY509" fmla="*/ 6397010 h 6857967"/>
              <a:gd name="connsiteX510" fmla="*/ 1126612 w 12191941"/>
              <a:gd name="connsiteY510" fmla="*/ 6397010 h 6857967"/>
              <a:gd name="connsiteX511" fmla="*/ 1126612 w 12191941"/>
              <a:gd name="connsiteY511" fmla="*/ 6325709 h 6857967"/>
              <a:gd name="connsiteX512" fmla="*/ 912657 w 12191941"/>
              <a:gd name="connsiteY512" fmla="*/ 6325709 h 6857967"/>
              <a:gd name="connsiteX513" fmla="*/ 912657 w 12191941"/>
              <a:gd name="connsiteY513" fmla="*/ 6397010 h 6857967"/>
              <a:gd name="connsiteX514" fmla="*/ 983958 w 12191941"/>
              <a:gd name="connsiteY514" fmla="*/ 6397010 h 6857967"/>
              <a:gd name="connsiteX515" fmla="*/ 983958 w 12191941"/>
              <a:gd name="connsiteY515" fmla="*/ 6325709 h 6857967"/>
              <a:gd name="connsiteX516" fmla="*/ 771136 w 12191941"/>
              <a:gd name="connsiteY516" fmla="*/ 6325709 h 6857967"/>
              <a:gd name="connsiteX517" fmla="*/ 771136 w 12191941"/>
              <a:gd name="connsiteY517" fmla="*/ 6397010 h 6857967"/>
              <a:gd name="connsiteX518" fmla="*/ 842437 w 12191941"/>
              <a:gd name="connsiteY518" fmla="*/ 6397010 h 6857967"/>
              <a:gd name="connsiteX519" fmla="*/ 842437 w 12191941"/>
              <a:gd name="connsiteY519" fmla="*/ 6325709 h 6857967"/>
              <a:gd name="connsiteX520" fmla="*/ 628534 w 12191941"/>
              <a:gd name="connsiteY520" fmla="*/ 6325709 h 6857967"/>
              <a:gd name="connsiteX521" fmla="*/ 628534 w 12191941"/>
              <a:gd name="connsiteY521" fmla="*/ 6397010 h 6857967"/>
              <a:gd name="connsiteX522" fmla="*/ 699835 w 12191941"/>
              <a:gd name="connsiteY522" fmla="*/ 6397010 h 6857967"/>
              <a:gd name="connsiteX523" fmla="*/ 699835 w 12191941"/>
              <a:gd name="connsiteY523" fmla="*/ 6325709 h 6857967"/>
              <a:gd name="connsiteX524" fmla="*/ 485863 w 12191941"/>
              <a:gd name="connsiteY524" fmla="*/ 6325709 h 6857967"/>
              <a:gd name="connsiteX525" fmla="*/ 485863 w 12191941"/>
              <a:gd name="connsiteY525" fmla="*/ 6397010 h 6857967"/>
              <a:gd name="connsiteX526" fmla="*/ 557163 w 12191941"/>
              <a:gd name="connsiteY526" fmla="*/ 6397010 h 6857967"/>
              <a:gd name="connsiteX527" fmla="*/ 557163 w 12191941"/>
              <a:gd name="connsiteY527" fmla="*/ 6325709 h 6857967"/>
              <a:gd name="connsiteX528" fmla="*/ 343191 w 12191941"/>
              <a:gd name="connsiteY528" fmla="*/ 6325709 h 6857967"/>
              <a:gd name="connsiteX529" fmla="*/ 343191 w 12191941"/>
              <a:gd name="connsiteY529" fmla="*/ 6397010 h 6857967"/>
              <a:gd name="connsiteX530" fmla="*/ 414492 w 12191941"/>
              <a:gd name="connsiteY530" fmla="*/ 6397010 h 6857967"/>
              <a:gd name="connsiteX531" fmla="*/ 414492 w 12191941"/>
              <a:gd name="connsiteY531" fmla="*/ 6325709 h 6857967"/>
              <a:gd name="connsiteX532" fmla="*/ 200590 w 12191941"/>
              <a:gd name="connsiteY532" fmla="*/ 6325709 h 6857967"/>
              <a:gd name="connsiteX533" fmla="*/ 200590 w 12191941"/>
              <a:gd name="connsiteY533" fmla="*/ 6397010 h 6857967"/>
              <a:gd name="connsiteX534" fmla="*/ 271891 w 12191941"/>
              <a:gd name="connsiteY534" fmla="*/ 6397010 h 6857967"/>
              <a:gd name="connsiteX535" fmla="*/ 271891 w 12191941"/>
              <a:gd name="connsiteY535" fmla="*/ 6325709 h 6857967"/>
              <a:gd name="connsiteX536" fmla="*/ 57918 w 12191941"/>
              <a:gd name="connsiteY536" fmla="*/ 6325709 h 6857967"/>
              <a:gd name="connsiteX537" fmla="*/ 57918 w 12191941"/>
              <a:gd name="connsiteY537" fmla="*/ 6397010 h 6857967"/>
              <a:gd name="connsiteX538" fmla="*/ 129219 w 12191941"/>
              <a:gd name="connsiteY538" fmla="*/ 6397010 h 6857967"/>
              <a:gd name="connsiteX539" fmla="*/ 129219 w 12191941"/>
              <a:gd name="connsiteY539" fmla="*/ 6325709 h 6857967"/>
              <a:gd name="connsiteX540" fmla="*/ 9755391 w 12191941"/>
              <a:gd name="connsiteY540" fmla="*/ 6183107 h 6857967"/>
              <a:gd name="connsiteX541" fmla="*/ 9755391 w 12191941"/>
              <a:gd name="connsiteY541" fmla="*/ 6254408 h 6857967"/>
              <a:gd name="connsiteX542" fmla="*/ 9826692 w 12191941"/>
              <a:gd name="connsiteY542" fmla="*/ 6254408 h 6857967"/>
              <a:gd name="connsiteX543" fmla="*/ 9826692 w 12191941"/>
              <a:gd name="connsiteY543" fmla="*/ 6183107 h 6857967"/>
              <a:gd name="connsiteX544" fmla="*/ 9612718 w 12191941"/>
              <a:gd name="connsiteY544" fmla="*/ 6183107 h 6857967"/>
              <a:gd name="connsiteX545" fmla="*/ 9612718 w 12191941"/>
              <a:gd name="connsiteY545" fmla="*/ 6254408 h 6857967"/>
              <a:gd name="connsiteX546" fmla="*/ 9684019 w 12191941"/>
              <a:gd name="connsiteY546" fmla="*/ 6254408 h 6857967"/>
              <a:gd name="connsiteX547" fmla="*/ 9684019 w 12191941"/>
              <a:gd name="connsiteY547" fmla="*/ 6183107 h 6857967"/>
              <a:gd name="connsiteX548" fmla="*/ 9470117 w 12191941"/>
              <a:gd name="connsiteY548" fmla="*/ 6183107 h 6857967"/>
              <a:gd name="connsiteX549" fmla="*/ 9470117 w 12191941"/>
              <a:gd name="connsiteY549" fmla="*/ 6254408 h 6857967"/>
              <a:gd name="connsiteX550" fmla="*/ 9541417 w 12191941"/>
              <a:gd name="connsiteY550" fmla="*/ 6254408 h 6857967"/>
              <a:gd name="connsiteX551" fmla="*/ 9541417 w 12191941"/>
              <a:gd name="connsiteY551" fmla="*/ 6183107 h 6857967"/>
              <a:gd name="connsiteX552" fmla="*/ 9327444 w 12191941"/>
              <a:gd name="connsiteY552" fmla="*/ 6183107 h 6857967"/>
              <a:gd name="connsiteX553" fmla="*/ 9327444 w 12191941"/>
              <a:gd name="connsiteY553" fmla="*/ 6254408 h 6857967"/>
              <a:gd name="connsiteX554" fmla="*/ 9398745 w 12191941"/>
              <a:gd name="connsiteY554" fmla="*/ 6254408 h 6857967"/>
              <a:gd name="connsiteX555" fmla="*/ 9398745 w 12191941"/>
              <a:gd name="connsiteY555" fmla="*/ 6183107 h 6857967"/>
              <a:gd name="connsiteX556" fmla="*/ 9184842 w 12191941"/>
              <a:gd name="connsiteY556" fmla="*/ 6183107 h 6857967"/>
              <a:gd name="connsiteX557" fmla="*/ 9184842 w 12191941"/>
              <a:gd name="connsiteY557" fmla="*/ 6254408 h 6857967"/>
              <a:gd name="connsiteX558" fmla="*/ 9256143 w 12191941"/>
              <a:gd name="connsiteY558" fmla="*/ 6254408 h 6857967"/>
              <a:gd name="connsiteX559" fmla="*/ 9256143 w 12191941"/>
              <a:gd name="connsiteY559" fmla="*/ 6183107 h 6857967"/>
              <a:gd name="connsiteX560" fmla="*/ 9042170 w 12191941"/>
              <a:gd name="connsiteY560" fmla="*/ 6183107 h 6857967"/>
              <a:gd name="connsiteX561" fmla="*/ 9042170 w 12191941"/>
              <a:gd name="connsiteY561" fmla="*/ 6254408 h 6857967"/>
              <a:gd name="connsiteX562" fmla="*/ 9113471 w 12191941"/>
              <a:gd name="connsiteY562" fmla="*/ 6254408 h 6857967"/>
              <a:gd name="connsiteX563" fmla="*/ 9113471 w 12191941"/>
              <a:gd name="connsiteY563" fmla="*/ 6183107 h 6857967"/>
              <a:gd name="connsiteX564" fmla="*/ 8899568 w 12191941"/>
              <a:gd name="connsiteY564" fmla="*/ 6183107 h 6857967"/>
              <a:gd name="connsiteX565" fmla="*/ 8899568 w 12191941"/>
              <a:gd name="connsiteY565" fmla="*/ 6254408 h 6857967"/>
              <a:gd name="connsiteX566" fmla="*/ 8970869 w 12191941"/>
              <a:gd name="connsiteY566" fmla="*/ 6254408 h 6857967"/>
              <a:gd name="connsiteX567" fmla="*/ 8970869 w 12191941"/>
              <a:gd name="connsiteY567" fmla="*/ 6183107 h 6857967"/>
              <a:gd name="connsiteX568" fmla="*/ 8756896 w 12191941"/>
              <a:gd name="connsiteY568" fmla="*/ 6183107 h 6857967"/>
              <a:gd name="connsiteX569" fmla="*/ 8756896 w 12191941"/>
              <a:gd name="connsiteY569" fmla="*/ 6254408 h 6857967"/>
              <a:gd name="connsiteX570" fmla="*/ 8828196 w 12191941"/>
              <a:gd name="connsiteY570" fmla="*/ 6254408 h 6857967"/>
              <a:gd name="connsiteX571" fmla="*/ 8828196 w 12191941"/>
              <a:gd name="connsiteY571" fmla="*/ 6183107 h 6857967"/>
              <a:gd name="connsiteX572" fmla="*/ 8614223 w 12191941"/>
              <a:gd name="connsiteY572" fmla="*/ 6183107 h 6857967"/>
              <a:gd name="connsiteX573" fmla="*/ 8614223 w 12191941"/>
              <a:gd name="connsiteY573" fmla="*/ 6254408 h 6857967"/>
              <a:gd name="connsiteX574" fmla="*/ 8685524 w 12191941"/>
              <a:gd name="connsiteY574" fmla="*/ 6254408 h 6857967"/>
              <a:gd name="connsiteX575" fmla="*/ 8685524 w 12191941"/>
              <a:gd name="connsiteY575" fmla="*/ 6183107 h 6857967"/>
              <a:gd name="connsiteX576" fmla="*/ 8471622 w 12191941"/>
              <a:gd name="connsiteY576" fmla="*/ 6183107 h 6857967"/>
              <a:gd name="connsiteX577" fmla="*/ 8471622 w 12191941"/>
              <a:gd name="connsiteY577" fmla="*/ 6254408 h 6857967"/>
              <a:gd name="connsiteX578" fmla="*/ 8542923 w 12191941"/>
              <a:gd name="connsiteY578" fmla="*/ 6254408 h 6857967"/>
              <a:gd name="connsiteX579" fmla="*/ 8542923 w 12191941"/>
              <a:gd name="connsiteY579" fmla="*/ 6183107 h 6857967"/>
              <a:gd name="connsiteX580" fmla="*/ 8328949 w 12191941"/>
              <a:gd name="connsiteY580" fmla="*/ 6183107 h 6857967"/>
              <a:gd name="connsiteX581" fmla="*/ 8328949 w 12191941"/>
              <a:gd name="connsiteY581" fmla="*/ 6254408 h 6857967"/>
              <a:gd name="connsiteX582" fmla="*/ 8400250 w 12191941"/>
              <a:gd name="connsiteY582" fmla="*/ 6254408 h 6857967"/>
              <a:gd name="connsiteX583" fmla="*/ 8400250 w 12191941"/>
              <a:gd name="connsiteY583" fmla="*/ 6183107 h 6857967"/>
              <a:gd name="connsiteX584" fmla="*/ 8186348 w 12191941"/>
              <a:gd name="connsiteY584" fmla="*/ 6183107 h 6857967"/>
              <a:gd name="connsiteX585" fmla="*/ 8186348 w 12191941"/>
              <a:gd name="connsiteY585" fmla="*/ 6254408 h 6857967"/>
              <a:gd name="connsiteX586" fmla="*/ 8257649 w 12191941"/>
              <a:gd name="connsiteY586" fmla="*/ 6254408 h 6857967"/>
              <a:gd name="connsiteX587" fmla="*/ 8257649 w 12191941"/>
              <a:gd name="connsiteY587" fmla="*/ 6183107 h 6857967"/>
              <a:gd name="connsiteX588" fmla="*/ 8043675 w 12191941"/>
              <a:gd name="connsiteY588" fmla="*/ 6183107 h 6857967"/>
              <a:gd name="connsiteX589" fmla="*/ 8043675 w 12191941"/>
              <a:gd name="connsiteY589" fmla="*/ 6254408 h 6857967"/>
              <a:gd name="connsiteX590" fmla="*/ 8114976 w 12191941"/>
              <a:gd name="connsiteY590" fmla="*/ 6254408 h 6857967"/>
              <a:gd name="connsiteX591" fmla="*/ 8114976 w 12191941"/>
              <a:gd name="connsiteY591" fmla="*/ 6183107 h 6857967"/>
              <a:gd name="connsiteX592" fmla="*/ 7901003 w 12191941"/>
              <a:gd name="connsiteY592" fmla="*/ 6183107 h 6857967"/>
              <a:gd name="connsiteX593" fmla="*/ 7901003 w 12191941"/>
              <a:gd name="connsiteY593" fmla="*/ 6254408 h 6857967"/>
              <a:gd name="connsiteX594" fmla="*/ 7972304 w 12191941"/>
              <a:gd name="connsiteY594" fmla="*/ 6254408 h 6857967"/>
              <a:gd name="connsiteX595" fmla="*/ 7972304 w 12191941"/>
              <a:gd name="connsiteY595" fmla="*/ 6183107 h 6857967"/>
              <a:gd name="connsiteX596" fmla="*/ 7758401 w 12191941"/>
              <a:gd name="connsiteY596" fmla="*/ 6183107 h 6857967"/>
              <a:gd name="connsiteX597" fmla="*/ 7758401 w 12191941"/>
              <a:gd name="connsiteY597" fmla="*/ 6254408 h 6857967"/>
              <a:gd name="connsiteX598" fmla="*/ 7829702 w 12191941"/>
              <a:gd name="connsiteY598" fmla="*/ 6254408 h 6857967"/>
              <a:gd name="connsiteX599" fmla="*/ 7829702 w 12191941"/>
              <a:gd name="connsiteY599" fmla="*/ 6183107 h 6857967"/>
              <a:gd name="connsiteX600" fmla="*/ 7615728 w 12191941"/>
              <a:gd name="connsiteY600" fmla="*/ 6183107 h 6857967"/>
              <a:gd name="connsiteX601" fmla="*/ 7615728 w 12191941"/>
              <a:gd name="connsiteY601" fmla="*/ 6254408 h 6857967"/>
              <a:gd name="connsiteX602" fmla="*/ 7687029 w 12191941"/>
              <a:gd name="connsiteY602" fmla="*/ 6254408 h 6857967"/>
              <a:gd name="connsiteX603" fmla="*/ 7687029 w 12191941"/>
              <a:gd name="connsiteY603" fmla="*/ 6183107 h 6857967"/>
              <a:gd name="connsiteX604" fmla="*/ 7473127 w 12191941"/>
              <a:gd name="connsiteY604" fmla="*/ 6183107 h 6857967"/>
              <a:gd name="connsiteX605" fmla="*/ 7473127 w 12191941"/>
              <a:gd name="connsiteY605" fmla="*/ 6254408 h 6857967"/>
              <a:gd name="connsiteX606" fmla="*/ 7544428 w 12191941"/>
              <a:gd name="connsiteY606" fmla="*/ 6254408 h 6857967"/>
              <a:gd name="connsiteX607" fmla="*/ 7544428 w 12191941"/>
              <a:gd name="connsiteY607" fmla="*/ 6183107 h 6857967"/>
              <a:gd name="connsiteX608" fmla="*/ 7330454 w 12191941"/>
              <a:gd name="connsiteY608" fmla="*/ 6183107 h 6857967"/>
              <a:gd name="connsiteX609" fmla="*/ 7330454 w 12191941"/>
              <a:gd name="connsiteY609" fmla="*/ 6254408 h 6857967"/>
              <a:gd name="connsiteX610" fmla="*/ 7401755 w 12191941"/>
              <a:gd name="connsiteY610" fmla="*/ 6254408 h 6857967"/>
              <a:gd name="connsiteX611" fmla="*/ 7401755 w 12191941"/>
              <a:gd name="connsiteY611" fmla="*/ 6183107 h 6857967"/>
              <a:gd name="connsiteX612" fmla="*/ 7187853 w 12191941"/>
              <a:gd name="connsiteY612" fmla="*/ 6183107 h 6857967"/>
              <a:gd name="connsiteX613" fmla="*/ 7187853 w 12191941"/>
              <a:gd name="connsiteY613" fmla="*/ 6254408 h 6857967"/>
              <a:gd name="connsiteX614" fmla="*/ 7259154 w 12191941"/>
              <a:gd name="connsiteY614" fmla="*/ 6254408 h 6857967"/>
              <a:gd name="connsiteX615" fmla="*/ 7259154 w 12191941"/>
              <a:gd name="connsiteY615" fmla="*/ 6183107 h 6857967"/>
              <a:gd name="connsiteX616" fmla="*/ 7045180 w 12191941"/>
              <a:gd name="connsiteY616" fmla="*/ 6183107 h 6857967"/>
              <a:gd name="connsiteX617" fmla="*/ 7045180 w 12191941"/>
              <a:gd name="connsiteY617" fmla="*/ 6254408 h 6857967"/>
              <a:gd name="connsiteX618" fmla="*/ 7116481 w 12191941"/>
              <a:gd name="connsiteY618" fmla="*/ 6254408 h 6857967"/>
              <a:gd name="connsiteX619" fmla="*/ 7116481 w 12191941"/>
              <a:gd name="connsiteY619" fmla="*/ 6183107 h 6857967"/>
              <a:gd name="connsiteX620" fmla="*/ 6902579 w 12191941"/>
              <a:gd name="connsiteY620" fmla="*/ 6183107 h 6857967"/>
              <a:gd name="connsiteX621" fmla="*/ 6902579 w 12191941"/>
              <a:gd name="connsiteY621" fmla="*/ 6254408 h 6857967"/>
              <a:gd name="connsiteX622" fmla="*/ 6973880 w 12191941"/>
              <a:gd name="connsiteY622" fmla="*/ 6254408 h 6857967"/>
              <a:gd name="connsiteX623" fmla="*/ 6973880 w 12191941"/>
              <a:gd name="connsiteY623" fmla="*/ 6183107 h 6857967"/>
              <a:gd name="connsiteX624" fmla="*/ 6759906 w 12191941"/>
              <a:gd name="connsiteY624" fmla="*/ 6183107 h 6857967"/>
              <a:gd name="connsiteX625" fmla="*/ 6759906 w 12191941"/>
              <a:gd name="connsiteY625" fmla="*/ 6254408 h 6857967"/>
              <a:gd name="connsiteX626" fmla="*/ 6831207 w 12191941"/>
              <a:gd name="connsiteY626" fmla="*/ 6254408 h 6857967"/>
              <a:gd name="connsiteX627" fmla="*/ 6831207 w 12191941"/>
              <a:gd name="connsiteY627" fmla="*/ 6183107 h 6857967"/>
              <a:gd name="connsiteX628" fmla="*/ 6617234 w 12191941"/>
              <a:gd name="connsiteY628" fmla="*/ 6183107 h 6857967"/>
              <a:gd name="connsiteX629" fmla="*/ 6617234 w 12191941"/>
              <a:gd name="connsiteY629" fmla="*/ 6254408 h 6857967"/>
              <a:gd name="connsiteX630" fmla="*/ 6688535 w 12191941"/>
              <a:gd name="connsiteY630" fmla="*/ 6254408 h 6857967"/>
              <a:gd name="connsiteX631" fmla="*/ 6688535 w 12191941"/>
              <a:gd name="connsiteY631" fmla="*/ 6183107 h 6857967"/>
              <a:gd name="connsiteX632" fmla="*/ 6474632 w 12191941"/>
              <a:gd name="connsiteY632" fmla="*/ 6183107 h 6857967"/>
              <a:gd name="connsiteX633" fmla="*/ 6474632 w 12191941"/>
              <a:gd name="connsiteY633" fmla="*/ 6254408 h 6857967"/>
              <a:gd name="connsiteX634" fmla="*/ 6545933 w 12191941"/>
              <a:gd name="connsiteY634" fmla="*/ 6254408 h 6857967"/>
              <a:gd name="connsiteX635" fmla="*/ 6545933 w 12191941"/>
              <a:gd name="connsiteY635" fmla="*/ 6183107 h 6857967"/>
              <a:gd name="connsiteX636" fmla="*/ 6331959 w 12191941"/>
              <a:gd name="connsiteY636" fmla="*/ 6183107 h 6857967"/>
              <a:gd name="connsiteX637" fmla="*/ 6331959 w 12191941"/>
              <a:gd name="connsiteY637" fmla="*/ 6254408 h 6857967"/>
              <a:gd name="connsiteX638" fmla="*/ 6403260 w 12191941"/>
              <a:gd name="connsiteY638" fmla="*/ 6254408 h 6857967"/>
              <a:gd name="connsiteX639" fmla="*/ 6403260 w 12191941"/>
              <a:gd name="connsiteY639" fmla="*/ 6183107 h 6857967"/>
              <a:gd name="connsiteX640" fmla="*/ 6189358 w 12191941"/>
              <a:gd name="connsiteY640" fmla="*/ 6183107 h 6857967"/>
              <a:gd name="connsiteX641" fmla="*/ 6189358 w 12191941"/>
              <a:gd name="connsiteY641" fmla="*/ 6254408 h 6857967"/>
              <a:gd name="connsiteX642" fmla="*/ 6260659 w 12191941"/>
              <a:gd name="connsiteY642" fmla="*/ 6254408 h 6857967"/>
              <a:gd name="connsiteX643" fmla="*/ 6260659 w 12191941"/>
              <a:gd name="connsiteY643" fmla="*/ 6183107 h 6857967"/>
              <a:gd name="connsiteX644" fmla="*/ 6046689 w 12191941"/>
              <a:gd name="connsiteY644" fmla="*/ 6183107 h 6857967"/>
              <a:gd name="connsiteX645" fmla="*/ 6046689 w 12191941"/>
              <a:gd name="connsiteY645" fmla="*/ 6254408 h 6857967"/>
              <a:gd name="connsiteX646" fmla="*/ 6117986 w 12191941"/>
              <a:gd name="connsiteY646" fmla="*/ 6254408 h 6857967"/>
              <a:gd name="connsiteX647" fmla="*/ 6117986 w 12191941"/>
              <a:gd name="connsiteY647" fmla="*/ 6183107 h 6857967"/>
              <a:gd name="connsiteX648" fmla="*/ 5904022 w 12191941"/>
              <a:gd name="connsiteY648" fmla="*/ 6183107 h 6857967"/>
              <a:gd name="connsiteX649" fmla="*/ 5904022 w 12191941"/>
              <a:gd name="connsiteY649" fmla="*/ 6254408 h 6857967"/>
              <a:gd name="connsiteX650" fmla="*/ 5975319 w 12191941"/>
              <a:gd name="connsiteY650" fmla="*/ 6254408 h 6857967"/>
              <a:gd name="connsiteX651" fmla="*/ 5975319 w 12191941"/>
              <a:gd name="connsiteY651" fmla="*/ 6183107 h 6857967"/>
              <a:gd name="connsiteX652" fmla="*/ 5761426 w 12191941"/>
              <a:gd name="connsiteY652" fmla="*/ 6183107 h 6857967"/>
              <a:gd name="connsiteX653" fmla="*/ 5761426 w 12191941"/>
              <a:gd name="connsiteY653" fmla="*/ 6254408 h 6857967"/>
              <a:gd name="connsiteX654" fmla="*/ 5832724 w 12191941"/>
              <a:gd name="connsiteY654" fmla="*/ 6254408 h 6857967"/>
              <a:gd name="connsiteX655" fmla="*/ 5832724 w 12191941"/>
              <a:gd name="connsiteY655" fmla="*/ 6183107 h 6857967"/>
              <a:gd name="connsiteX656" fmla="*/ 5618761 w 12191941"/>
              <a:gd name="connsiteY656" fmla="*/ 6183107 h 6857967"/>
              <a:gd name="connsiteX657" fmla="*/ 5618761 w 12191941"/>
              <a:gd name="connsiteY657" fmla="*/ 6254408 h 6857967"/>
              <a:gd name="connsiteX658" fmla="*/ 5690059 w 12191941"/>
              <a:gd name="connsiteY658" fmla="*/ 6254408 h 6857967"/>
              <a:gd name="connsiteX659" fmla="*/ 5690059 w 12191941"/>
              <a:gd name="connsiteY659" fmla="*/ 6183107 h 6857967"/>
              <a:gd name="connsiteX660" fmla="*/ 5476167 w 12191941"/>
              <a:gd name="connsiteY660" fmla="*/ 6183107 h 6857967"/>
              <a:gd name="connsiteX661" fmla="*/ 5476167 w 12191941"/>
              <a:gd name="connsiteY661" fmla="*/ 6254408 h 6857967"/>
              <a:gd name="connsiteX662" fmla="*/ 5547465 w 12191941"/>
              <a:gd name="connsiteY662" fmla="*/ 6254408 h 6857967"/>
              <a:gd name="connsiteX663" fmla="*/ 5547465 w 12191941"/>
              <a:gd name="connsiteY663" fmla="*/ 6183107 h 6857967"/>
              <a:gd name="connsiteX664" fmla="*/ 5333502 w 12191941"/>
              <a:gd name="connsiteY664" fmla="*/ 6183107 h 6857967"/>
              <a:gd name="connsiteX665" fmla="*/ 5333502 w 12191941"/>
              <a:gd name="connsiteY665" fmla="*/ 6254408 h 6857967"/>
              <a:gd name="connsiteX666" fmla="*/ 5404799 w 12191941"/>
              <a:gd name="connsiteY666" fmla="*/ 6254408 h 6857967"/>
              <a:gd name="connsiteX667" fmla="*/ 5404799 w 12191941"/>
              <a:gd name="connsiteY667" fmla="*/ 6183107 h 6857967"/>
              <a:gd name="connsiteX668" fmla="*/ 5190877 w 12191941"/>
              <a:gd name="connsiteY668" fmla="*/ 6183107 h 6857967"/>
              <a:gd name="connsiteX669" fmla="*/ 5190877 w 12191941"/>
              <a:gd name="connsiteY669" fmla="*/ 6254408 h 6857967"/>
              <a:gd name="connsiteX670" fmla="*/ 5262188 w 12191941"/>
              <a:gd name="connsiteY670" fmla="*/ 6254408 h 6857967"/>
              <a:gd name="connsiteX671" fmla="*/ 5262188 w 12191941"/>
              <a:gd name="connsiteY671" fmla="*/ 6183107 h 6857967"/>
              <a:gd name="connsiteX672" fmla="*/ 5048236 w 12191941"/>
              <a:gd name="connsiteY672" fmla="*/ 6183107 h 6857967"/>
              <a:gd name="connsiteX673" fmla="*/ 5048236 w 12191941"/>
              <a:gd name="connsiteY673" fmla="*/ 6254408 h 6857967"/>
              <a:gd name="connsiteX674" fmla="*/ 5119527 w 12191941"/>
              <a:gd name="connsiteY674" fmla="*/ 6254408 h 6857967"/>
              <a:gd name="connsiteX675" fmla="*/ 5119527 w 12191941"/>
              <a:gd name="connsiteY675" fmla="*/ 6183107 h 6857967"/>
              <a:gd name="connsiteX676" fmla="*/ 4906607 w 12191941"/>
              <a:gd name="connsiteY676" fmla="*/ 6183107 h 6857967"/>
              <a:gd name="connsiteX677" fmla="*/ 4906607 w 12191941"/>
              <a:gd name="connsiteY677" fmla="*/ 6254408 h 6857967"/>
              <a:gd name="connsiteX678" fmla="*/ 4977916 w 12191941"/>
              <a:gd name="connsiteY678" fmla="*/ 6254408 h 6857967"/>
              <a:gd name="connsiteX679" fmla="*/ 4977916 w 12191941"/>
              <a:gd name="connsiteY679" fmla="*/ 6183107 h 6857967"/>
              <a:gd name="connsiteX680" fmla="*/ 4764013 w 12191941"/>
              <a:gd name="connsiteY680" fmla="*/ 6183107 h 6857967"/>
              <a:gd name="connsiteX681" fmla="*/ 4764013 w 12191941"/>
              <a:gd name="connsiteY681" fmla="*/ 6254408 h 6857967"/>
              <a:gd name="connsiteX682" fmla="*/ 4835311 w 12191941"/>
              <a:gd name="connsiteY682" fmla="*/ 6254408 h 6857967"/>
              <a:gd name="connsiteX683" fmla="*/ 4835311 w 12191941"/>
              <a:gd name="connsiteY683" fmla="*/ 6183107 h 6857967"/>
              <a:gd name="connsiteX684" fmla="*/ 4621341 w 12191941"/>
              <a:gd name="connsiteY684" fmla="*/ 6183107 h 6857967"/>
              <a:gd name="connsiteX685" fmla="*/ 4621341 w 12191941"/>
              <a:gd name="connsiteY685" fmla="*/ 6254408 h 6857967"/>
              <a:gd name="connsiteX686" fmla="*/ 4692639 w 12191941"/>
              <a:gd name="connsiteY686" fmla="*/ 6254408 h 6857967"/>
              <a:gd name="connsiteX687" fmla="*/ 4692639 w 12191941"/>
              <a:gd name="connsiteY687" fmla="*/ 6183107 h 6857967"/>
              <a:gd name="connsiteX688" fmla="*/ 4478666 w 12191941"/>
              <a:gd name="connsiteY688" fmla="*/ 6183107 h 6857967"/>
              <a:gd name="connsiteX689" fmla="*/ 4478666 w 12191941"/>
              <a:gd name="connsiteY689" fmla="*/ 6254408 h 6857967"/>
              <a:gd name="connsiteX690" fmla="*/ 4549969 w 12191941"/>
              <a:gd name="connsiteY690" fmla="*/ 6254408 h 6857967"/>
              <a:gd name="connsiteX691" fmla="*/ 4549969 w 12191941"/>
              <a:gd name="connsiteY691" fmla="*/ 6183107 h 6857967"/>
              <a:gd name="connsiteX692" fmla="*/ 4336067 w 12191941"/>
              <a:gd name="connsiteY692" fmla="*/ 6183107 h 6857967"/>
              <a:gd name="connsiteX693" fmla="*/ 4336067 w 12191941"/>
              <a:gd name="connsiteY693" fmla="*/ 6254408 h 6857967"/>
              <a:gd name="connsiteX694" fmla="*/ 4407366 w 12191941"/>
              <a:gd name="connsiteY694" fmla="*/ 6254408 h 6857967"/>
              <a:gd name="connsiteX695" fmla="*/ 4407366 w 12191941"/>
              <a:gd name="connsiteY695" fmla="*/ 6183107 h 6857967"/>
              <a:gd name="connsiteX696" fmla="*/ 4193413 w 12191941"/>
              <a:gd name="connsiteY696" fmla="*/ 6183107 h 6857967"/>
              <a:gd name="connsiteX697" fmla="*/ 4193413 w 12191941"/>
              <a:gd name="connsiteY697" fmla="*/ 6254408 h 6857967"/>
              <a:gd name="connsiteX698" fmla="*/ 4264695 w 12191941"/>
              <a:gd name="connsiteY698" fmla="*/ 6254408 h 6857967"/>
              <a:gd name="connsiteX699" fmla="*/ 4264695 w 12191941"/>
              <a:gd name="connsiteY699" fmla="*/ 6183107 h 6857967"/>
              <a:gd name="connsiteX700" fmla="*/ 4050810 w 12191941"/>
              <a:gd name="connsiteY700" fmla="*/ 6183107 h 6857967"/>
              <a:gd name="connsiteX701" fmla="*/ 4050810 w 12191941"/>
              <a:gd name="connsiteY701" fmla="*/ 6254408 h 6857967"/>
              <a:gd name="connsiteX702" fmla="*/ 4122113 w 12191941"/>
              <a:gd name="connsiteY702" fmla="*/ 6254408 h 6857967"/>
              <a:gd name="connsiteX703" fmla="*/ 4122113 w 12191941"/>
              <a:gd name="connsiteY703" fmla="*/ 6183107 h 6857967"/>
              <a:gd name="connsiteX704" fmla="*/ 3908136 w 12191941"/>
              <a:gd name="connsiteY704" fmla="*/ 6183107 h 6857967"/>
              <a:gd name="connsiteX705" fmla="*/ 3908136 w 12191941"/>
              <a:gd name="connsiteY705" fmla="*/ 6254408 h 6857967"/>
              <a:gd name="connsiteX706" fmla="*/ 3979438 w 12191941"/>
              <a:gd name="connsiteY706" fmla="*/ 6254408 h 6857967"/>
              <a:gd name="connsiteX707" fmla="*/ 3979438 w 12191941"/>
              <a:gd name="connsiteY707" fmla="*/ 6183107 h 6857967"/>
              <a:gd name="connsiteX708" fmla="*/ 3765462 w 12191941"/>
              <a:gd name="connsiteY708" fmla="*/ 6183107 h 6857967"/>
              <a:gd name="connsiteX709" fmla="*/ 3765462 w 12191941"/>
              <a:gd name="connsiteY709" fmla="*/ 6254408 h 6857967"/>
              <a:gd name="connsiteX710" fmla="*/ 3836763 w 12191941"/>
              <a:gd name="connsiteY710" fmla="*/ 6254408 h 6857967"/>
              <a:gd name="connsiteX711" fmla="*/ 3836763 w 12191941"/>
              <a:gd name="connsiteY711" fmla="*/ 6183107 h 6857967"/>
              <a:gd name="connsiteX712" fmla="*/ 3622851 w 12191941"/>
              <a:gd name="connsiteY712" fmla="*/ 6183107 h 6857967"/>
              <a:gd name="connsiteX713" fmla="*/ 3622851 w 12191941"/>
              <a:gd name="connsiteY713" fmla="*/ 6254408 h 6857967"/>
              <a:gd name="connsiteX714" fmla="*/ 3694151 w 12191941"/>
              <a:gd name="connsiteY714" fmla="*/ 6254408 h 6857967"/>
              <a:gd name="connsiteX715" fmla="*/ 3694151 w 12191941"/>
              <a:gd name="connsiteY715" fmla="*/ 6183107 h 6857967"/>
              <a:gd name="connsiteX716" fmla="*/ 3480203 w 12191941"/>
              <a:gd name="connsiteY716" fmla="*/ 6183107 h 6857967"/>
              <a:gd name="connsiteX717" fmla="*/ 3480203 w 12191941"/>
              <a:gd name="connsiteY717" fmla="*/ 6254408 h 6857967"/>
              <a:gd name="connsiteX718" fmla="*/ 3551509 w 12191941"/>
              <a:gd name="connsiteY718" fmla="*/ 6254408 h 6857967"/>
              <a:gd name="connsiteX719" fmla="*/ 3551509 w 12191941"/>
              <a:gd name="connsiteY719" fmla="*/ 6183107 h 6857967"/>
              <a:gd name="connsiteX720" fmla="*/ 3337580 w 12191941"/>
              <a:gd name="connsiteY720" fmla="*/ 6183107 h 6857967"/>
              <a:gd name="connsiteX721" fmla="*/ 3337580 w 12191941"/>
              <a:gd name="connsiteY721" fmla="*/ 6254408 h 6857967"/>
              <a:gd name="connsiteX722" fmla="*/ 3408881 w 12191941"/>
              <a:gd name="connsiteY722" fmla="*/ 6254408 h 6857967"/>
              <a:gd name="connsiteX723" fmla="*/ 3408881 w 12191941"/>
              <a:gd name="connsiteY723" fmla="*/ 6183107 h 6857967"/>
              <a:gd name="connsiteX724" fmla="*/ 3194906 w 12191941"/>
              <a:gd name="connsiteY724" fmla="*/ 6183107 h 6857967"/>
              <a:gd name="connsiteX725" fmla="*/ 3194906 w 12191941"/>
              <a:gd name="connsiteY725" fmla="*/ 6254408 h 6857967"/>
              <a:gd name="connsiteX726" fmla="*/ 3266208 w 12191941"/>
              <a:gd name="connsiteY726" fmla="*/ 6254408 h 6857967"/>
              <a:gd name="connsiteX727" fmla="*/ 3266208 w 12191941"/>
              <a:gd name="connsiteY727" fmla="*/ 6183107 h 6857967"/>
              <a:gd name="connsiteX728" fmla="*/ 3052305 w 12191941"/>
              <a:gd name="connsiteY728" fmla="*/ 6183107 h 6857967"/>
              <a:gd name="connsiteX729" fmla="*/ 3052305 w 12191941"/>
              <a:gd name="connsiteY729" fmla="*/ 6254408 h 6857967"/>
              <a:gd name="connsiteX730" fmla="*/ 3123607 w 12191941"/>
              <a:gd name="connsiteY730" fmla="*/ 6254408 h 6857967"/>
              <a:gd name="connsiteX731" fmla="*/ 3123607 w 12191941"/>
              <a:gd name="connsiteY731" fmla="*/ 6183107 h 6857967"/>
              <a:gd name="connsiteX732" fmla="*/ 2909634 w 12191941"/>
              <a:gd name="connsiteY732" fmla="*/ 6183107 h 6857967"/>
              <a:gd name="connsiteX733" fmla="*/ 2909634 w 12191941"/>
              <a:gd name="connsiteY733" fmla="*/ 6254408 h 6857967"/>
              <a:gd name="connsiteX734" fmla="*/ 2980934 w 12191941"/>
              <a:gd name="connsiteY734" fmla="*/ 6254408 h 6857967"/>
              <a:gd name="connsiteX735" fmla="*/ 2980934 w 12191941"/>
              <a:gd name="connsiteY735" fmla="*/ 6183107 h 6857967"/>
              <a:gd name="connsiteX736" fmla="*/ 2767033 w 12191941"/>
              <a:gd name="connsiteY736" fmla="*/ 6183107 h 6857967"/>
              <a:gd name="connsiteX737" fmla="*/ 2767033 w 12191941"/>
              <a:gd name="connsiteY737" fmla="*/ 6254408 h 6857967"/>
              <a:gd name="connsiteX738" fmla="*/ 2838334 w 12191941"/>
              <a:gd name="connsiteY738" fmla="*/ 6254408 h 6857967"/>
              <a:gd name="connsiteX739" fmla="*/ 2838334 w 12191941"/>
              <a:gd name="connsiteY739" fmla="*/ 6183107 h 6857967"/>
              <a:gd name="connsiteX740" fmla="*/ 2624361 w 12191941"/>
              <a:gd name="connsiteY740" fmla="*/ 6183107 h 6857967"/>
              <a:gd name="connsiteX741" fmla="*/ 2624361 w 12191941"/>
              <a:gd name="connsiteY741" fmla="*/ 6254408 h 6857967"/>
              <a:gd name="connsiteX742" fmla="*/ 2695661 w 12191941"/>
              <a:gd name="connsiteY742" fmla="*/ 6254408 h 6857967"/>
              <a:gd name="connsiteX743" fmla="*/ 2695661 w 12191941"/>
              <a:gd name="connsiteY743" fmla="*/ 6183107 h 6857967"/>
              <a:gd name="connsiteX744" fmla="*/ 2481690 w 12191941"/>
              <a:gd name="connsiteY744" fmla="*/ 6183107 h 6857967"/>
              <a:gd name="connsiteX745" fmla="*/ 2481690 w 12191941"/>
              <a:gd name="connsiteY745" fmla="*/ 6254408 h 6857967"/>
              <a:gd name="connsiteX746" fmla="*/ 2552991 w 12191941"/>
              <a:gd name="connsiteY746" fmla="*/ 6254408 h 6857967"/>
              <a:gd name="connsiteX747" fmla="*/ 2552991 w 12191941"/>
              <a:gd name="connsiteY747" fmla="*/ 6183107 h 6857967"/>
              <a:gd name="connsiteX748" fmla="*/ 2339091 w 12191941"/>
              <a:gd name="connsiteY748" fmla="*/ 6183107 h 6857967"/>
              <a:gd name="connsiteX749" fmla="*/ 2339091 w 12191941"/>
              <a:gd name="connsiteY749" fmla="*/ 6254408 h 6857967"/>
              <a:gd name="connsiteX750" fmla="*/ 2410392 w 12191941"/>
              <a:gd name="connsiteY750" fmla="*/ 6254408 h 6857967"/>
              <a:gd name="connsiteX751" fmla="*/ 2410392 w 12191941"/>
              <a:gd name="connsiteY751" fmla="*/ 6183107 h 6857967"/>
              <a:gd name="connsiteX752" fmla="*/ 2196420 w 12191941"/>
              <a:gd name="connsiteY752" fmla="*/ 6183107 h 6857967"/>
              <a:gd name="connsiteX753" fmla="*/ 2196420 w 12191941"/>
              <a:gd name="connsiteY753" fmla="*/ 6254408 h 6857967"/>
              <a:gd name="connsiteX754" fmla="*/ 2267721 w 12191941"/>
              <a:gd name="connsiteY754" fmla="*/ 6254408 h 6857967"/>
              <a:gd name="connsiteX755" fmla="*/ 2267721 w 12191941"/>
              <a:gd name="connsiteY755" fmla="*/ 6183107 h 6857967"/>
              <a:gd name="connsiteX756" fmla="*/ 2053813 w 12191941"/>
              <a:gd name="connsiteY756" fmla="*/ 6183107 h 6857967"/>
              <a:gd name="connsiteX757" fmla="*/ 2053813 w 12191941"/>
              <a:gd name="connsiteY757" fmla="*/ 6254408 h 6857967"/>
              <a:gd name="connsiteX758" fmla="*/ 2125117 w 12191941"/>
              <a:gd name="connsiteY758" fmla="*/ 6254408 h 6857967"/>
              <a:gd name="connsiteX759" fmla="*/ 2125117 w 12191941"/>
              <a:gd name="connsiteY759" fmla="*/ 6183107 h 6857967"/>
              <a:gd name="connsiteX760" fmla="*/ 1911141 w 12191941"/>
              <a:gd name="connsiteY760" fmla="*/ 6183107 h 6857967"/>
              <a:gd name="connsiteX761" fmla="*/ 1911141 w 12191941"/>
              <a:gd name="connsiteY761" fmla="*/ 6254408 h 6857967"/>
              <a:gd name="connsiteX762" fmla="*/ 1982442 w 12191941"/>
              <a:gd name="connsiteY762" fmla="*/ 6254408 h 6857967"/>
              <a:gd name="connsiteX763" fmla="*/ 1982442 w 12191941"/>
              <a:gd name="connsiteY763" fmla="*/ 6183107 h 6857967"/>
              <a:gd name="connsiteX764" fmla="*/ 1768470 w 12191941"/>
              <a:gd name="connsiteY764" fmla="*/ 6183107 h 6857967"/>
              <a:gd name="connsiteX765" fmla="*/ 1768470 w 12191941"/>
              <a:gd name="connsiteY765" fmla="*/ 6254408 h 6857967"/>
              <a:gd name="connsiteX766" fmla="*/ 1839771 w 12191941"/>
              <a:gd name="connsiteY766" fmla="*/ 6254408 h 6857967"/>
              <a:gd name="connsiteX767" fmla="*/ 1839771 w 12191941"/>
              <a:gd name="connsiteY767" fmla="*/ 6183107 h 6857967"/>
              <a:gd name="connsiteX768" fmla="*/ 1625870 w 12191941"/>
              <a:gd name="connsiteY768" fmla="*/ 6183107 h 6857967"/>
              <a:gd name="connsiteX769" fmla="*/ 1625870 w 12191941"/>
              <a:gd name="connsiteY769" fmla="*/ 6254408 h 6857967"/>
              <a:gd name="connsiteX770" fmla="*/ 1697171 w 12191941"/>
              <a:gd name="connsiteY770" fmla="*/ 6254408 h 6857967"/>
              <a:gd name="connsiteX771" fmla="*/ 1697171 w 12191941"/>
              <a:gd name="connsiteY771" fmla="*/ 6183107 h 6857967"/>
              <a:gd name="connsiteX772" fmla="*/ 1483199 w 12191941"/>
              <a:gd name="connsiteY772" fmla="*/ 6183107 h 6857967"/>
              <a:gd name="connsiteX773" fmla="*/ 1483199 w 12191941"/>
              <a:gd name="connsiteY773" fmla="*/ 6254408 h 6857967"/>
              <a:gd name="connsiteX774" fmla="*/ 1554500 w 12191941"/>
              <a:gd name="connsiteY774" fmla="*/ 6254408 h 6857967"/>
              <a:gd name="connsiteX775" fmla="*/ 1554500 w 12191941"/>
              <a:gd name="connsiteY775" fmla="*/ 6183107 h 6857967"/>
              <a:gd name="connsiteX776" fmla="*/ 1340599 w 12191941"/>
              <a:gd name="connsiteY776" fmla="*/ 6183107 h 6857967"/>
              <a:gd name="connsiteX777" fmla="*/ 1340599 w 12191941"/>
              <a:gd name="connsiteY777" fmla="*/ 6254408 h 6857967"/>
              <a:gd name="connsiteX778" fmla="*/ 1411901 w 12191941"/>
              <a:gd name="connsiteY778" fmla="*/ 6254408 h 6857967"/>
              <a:gd name="connsiteX779" fmla="*/ 1411901 w 12191941"/>
              <a:gd name="connsiteY779" fmla="*/ 6183107 h 6857967"/>
              <a:gd name="connsiteX780" fmla="*/ 1197929 w 12191941"/>
              <a:gd name="connsiteY780" fmla="*/ 6183107 h 6857967"/>
              <a:gd name="connsiteX781" fmla="*/ 1197929 w 12191941"/>
              <a:gd name="connsiteY781" fmla="*/ 6254408 h 6857967"/>
              <a:gd name="connsiteX782" fmla="*/ 1269230 w 12191941"/>
              <a:gd name="connsiteY782" fmla="*/ 6254408 h 6857967"/>
              <a:gd name="connsiteX783" fmla="*/ 1269230 w 12191941"/>
              <a:gd name="connsiteY783" fmla="*/ 6183107 h 6857967"/>
              <a:gd name="connsiteX784" fmla="*/ 1055311 w 12191941"/>
              <a:gd name="connsiteY784" fmla="*/ 6183107 h 6857967"/>
              <a:gd name="connsiteX785" fmla="*/ 1055311 w 12191941"/>
              <a:gd name="connsiteY785" fmla="*/ 6254408 h 6857967"/>
              <a:gd name="connsiteX786" fmla="*/ 1126612 w 12191941"/>
              <a:gd name="connsiteY786" fmla="*/ 6254408 h 6857967"/>
              <a:gd name="connsiteX787" fmla="*/ 1126612 w 12191941"/>
              <a:gd name="connsiteY787" fmla="*/ 6183107 h 6857967"/>
              <a:gd name="connsiteX788" fmla="*/ 912657 w 12191941"/>
              <a:gd name="connsiteY788" fmla="*/ 6183107 h 6857967"/>
              <a:gd name="connsiteX789" fmla="*/ 912657 w 12191941"/>
              <a:gd name="connsiteY789" fmla="*/ 6254408 h 6857967"/>
              <a:gd name="connsiteX790" fmla="*/ 983958 w 12191941"/>
              <a:gd name="connsiteY790" fmla="*/ 6254408 h 6857967"/>
              <a:gd name="connsiteX791" fmla="*/ 983958 w 12191941"/>
              <a:gd name="connsiteY791" fmla="*/ 6183107 h 6857967"/>
              <a:gd name="connsiteX792" fmla="*/ 771136 w 12191941"/>
              <a:gd name="connsiteY792" fmla="*/ 6183107 h 6857967"/>
              <a:gd name="connsiteX793" fmla="*/ 771136 w 12191941"/>
              <a:gd name="connsiteY793" fmla="*/ 6254408 h 6857967"/>
              <a:gd name="connsiteX794" fmla="*/ 842437 w 12191941"/>
              <a:gd name="connsiteY794" fmla="*/ 6254408 h 6857967"/>
              <a:gd name="connsiteX795" fmla="*/ 842437 w 12191941"/>
              <a:gd name="connsiteY795" fmla="*/ 6183107 h 6857967"/>
              <a:gd name="connsiteX796" fmla="*/ 628534 w 12191941"/>
              <a:gd name="connsiteY796" fmla="*/ 6183107 h 6857967"/>
              <a:gd name="connsiteX797" fmla="*/ 628534 w 12191941"/>
              <a:gd name="connsiteY797" fmla="*/ 6254408 h 6857967"/>
              <a:gd name="connsiteX798" fmla="*/ 699835 w 12191941"/>
              <a:gd name="connsiteY798" fmla="*/ 6254408 h 6857967"/>
              <a:gd name="connsiteX799" fmla="*/ 699835 w 12191941"/>
              <a:gd name="connsiteY799" fmla="*/ 6183107 h 6857967"/>
              <a:gd name="connsiteX800" fmla="*/ 485863 w 12191941"/>
              <a:gd name="connsiteY800" fmla="*/ 6183107 h 6857967"/>
              <a:gd name="connsiteX801" fmla="*/ 485863 w 12191941"/>
              <a:gd name="connsiteY801" fmla="*/ 6254408 h 6857967"/>
              <a:gd name="connsiteX802" fmla="*/ 557163 w 12191941"/>
              <a:gd name="connsiteY802" fmla="*/ 6254408 h 6857967"/>
              <a:gd name="connsiteX803" fmla="*/ 557163 w 12191941"/>
              <a:gd name="connsiteY803" fmla="*/ 6183107 h 6857967"/>
              <a:gd name="connsiteX804" fmla="*/ 343191 w 12191941"/>
              <a:gd name="connsiteY804" fmla="*/ 6183107 h 6857967"/>
              <a:gd name="connsiteX805" fmla="*/ 343191 w 12191941"/>
              <a:gd name="connsiteY805" fmla="*/ 6254408 h 6857967"/>
              <a:gd name="connsiteX806" fmla="*/ 414492 w 12191941"/>
              <a:gd name="connsiteY806" fmla="*/ 6254408 h 6857967"/>
              <a:gd name="connsiteX807" fmla="*/ 414492 w 12191941"/>
              <a:gd name="connsiteY807" fmla="*/ 6183107 h 6857967"/>
              <a:gd name="connsiteX808" fmla="*/ 200590 w 12191941"/>
              <a:gd name="connsiteY808" fmla="*/ 6183107 h 6857967"/>
              <a:gd name="connsiteX809" fmla="*/ 200590 w 12191941"/>
              <a:gd name="connsiteY809" fmla="*/ 6254408 h 6857967"/>
              <a:gd name="connsiteX810" fmla="*/ 271891 w 12191941"/>
              <a:gd name="connsiteY810" fmla="*/ 6254408 h 6857967"/>
              <a:gd name="connsiteX811" fmla="*/ 271891 w 12191941"/>
              <a:gd name="connsiteY811" fmla="*/ 6183107 h 6857967"/>
              <a:gd name="connsiteX812" fmla="*/ 57918 w 12191941"/>
              <a:gd name="connsiteY812" fmla="*/ 6183107 h 6857967"/>
              <a:gd name="connsiteX813" fmla="*/ 57918 w 12191941"/>
              <a:gd name="connsiteY813" fmla="*/ 6254408 h 6857967"/>
              <a:gd name="connsiteX814" fmla="*/ 129219 w 12191941"/>
              <a:gd name="connsiteY814" fmla="*/ 6254408 h 6857967"/>
              <a:gd name="connsiteX815" fmla="*/ 129219 w 12191941"/>
              <a:gd name="connsiteY815" fmla="*/ 6183107 h 6857967"/>
              <a:gd name="connsiteX816" fmla="*/ 10040665 w 12191941"/>
              <a:gd name="connsiteY816" fmla="*/ 6040435 h 6857967"/>
              <a:gd name="connsiteX817" fmla="*/ 10040665 w 12191941"/>
              <a:gd name="connsiteY817" fmla="*/ 6111736 h 6857967"/>
              <a:gd name="connsiteX818" fmla="*/ 10111966 w 12191941"/>
              <a:gd name="connsiteY818" fmla="*/ 6111736 h 6857967"/>
              <a:gd name="connsiteX819" fmla="*/ 10111966 w 12191941"/>
              <a:gd name="connsiteY819" fmla="*/ 6040435 h 6857967"/>
              <a:gd name="connsiteX820" fmla="*/ 9898063 w 12191941"/>
              <a:gd name="connsiteY820" fmla="*/ 6040435 h 6857967"/>
              <a:gd name="connsiteX821" fmla="*/ 9898063 w 12191941"/>
              <a:gd name="connsiteY821" fmla="*/ 6111736 h 6857967"/>
              <a:gd name="connsiteX822" fmla="*/ 9969363 w 12191941"/>
              <a:gd name="connsiteY822" fmla="*/ 6111736 h 6857967"/>
              <a:gd name="connsiteX823" fmla="*/ 9969363 w 12191941"/>
              <a:gd name="connsiteY823" fmla="*/ 6040435 h 6857967"/>
              <a:gd name="connsiteX824" fmla="*/ 9755391 w 12191941"/>
              <a:gd name="connsiteY824" fmla="*/ 6040435 h 6857967"/>
              <a:gd name="connsiteX825" fmla="*/ 9755391 w 12191941"/>
              <a:gd name="connsiteY825" fmla="*/ 6111736 h 6857967"/>
              <a:gd name="connsiteX826" fmla="*/ 9826692 w 12191941"/>
              <a:gd name="connsiteY826" fmla="*/ 6111736 h 6857967"/>
              <a:gd name="connsiteX827" fmla="*/ 9826692 w 12191941"/>
              <a:gd name="connsiteY827" fmla="*/ 6040435 h 6857967"/>
              <a:gd name="connsiteX828" fmla="*/ 9612718 w 12191941"/>
              <a:gd name="connsiteY828" fmla="*/ 6040435 h 6857967"/>
              <a:gd name="connsiteX829" fmla="*/ 9612718 w 12191941"/>
              <a:gd name="connsiteY829" fmla="*/ 6111736 h 6857967"/>
              <a:gd name="connsiteX830" fmla="*/ 9684019 w 12191941"/>
              <a:gd name="connsiteY830" fmla="*/ 6111736 h 6857967"/>
              <a:gd name="connsiteX831" fmla="*/ 9684019 w 12191941"/>
              <a:gd name="connsiteY831" fmla="*/ 6040435 h 6857967"/>
              <a:gd name="connsiteX832" fmla="*/ 9470117 w 12191941"/>
              <a:gd name="connsiteY832" fmla="*/ 6040435 h 6857967"/>
              <a:gd name="connsiteX833" fmla="*/ 9470117 w 12191941"/>
              <a:gd name="connsiteY833" fmla="*/ 6111736 h 6857967"/>
              <a:gd name="connsiteX834" fmla="*/ 9541417 w 12191941"/>
              <a:gd name="connsiteY834" fmla="*/ 6111736 h 6857967"/>
              <a:gd name="connsiteX835" fmla="*/ 9541417 w 12191941"/>
              <a:gd name="connsiteY835" fmla="*/ 6040435 h 6857967"/>
              <a:gd name="connsiteX836" fmla="*/ 9327444 w 12191941"/>
              <a:gd name="connsiteY836" fmla="*/ 6040435 h 6857967"/>
              <a:gd name="connsiteX837" fmla="*/ 9327444 w 12191941"/>
              <a:gd name="connsiteY837" fmla="*/ 6111736 h 6857967"/>
              <a:gd name="connsiteX838" fmla="*/ 9398745 w 12191941"/>
              <a:gd name="connsiteY838" fmla="*/ 6111736 h 6857967"/>
              <a:gd name="connsiteX839" fmla="*/ 9398745 w 12191941"/>
              <a:gd name="connsiteY839" fmla="*/ 6040435 h 6857967"/>
              <a:gd name="connsiteX840" fmla="*/ 9184842 w 12191941"/>
              <a:gd name="connsiteY840" fmla="*/ 6040435 h 6857967"/>
              <a:gd name="connsiteX841" fmla="*/ 9184842 w 12191941"/>
              <a:gd name="connsiteY841" fmla="*/ 6111736 h 6857967"/>
              <a:gd name="connsiteX842" fmla="*/ 9256143 w 12191941"/>
              <a:gd name="connsiteY842" fmla="*/ 6111736 h 6857967"/>
              <a:gd name="connsiteX843" fmla="*/ 9256143 w 12191941"/>
              <a:gd name="connsiteY843" fmla="*/ 6040435 h 6857967"/>
              <a:gd name="connsiteX844" fmla="*/ 9042170 w 12191941"/>
              <a:gd name="connsiteY844" fmla="*/ 6040435 h 6857967"/>
              <a:gd name="connsiteX845" fmla="*/ 9042170 w 12191941"/>
              <a:gd name="connsiteY845" fmla="*/ 6111736 h 6857967"/>
              <a:gd name="connsiteX846" fmla="*/ 9113471 w 12191941"/>
              <a:gd name="connsiteY846" fmla="*/ 6111736 h 6857967"/>
              <a:gd name="connsiteX847" fmla="*/ 9113471 w 12191941"/>
              <a:gd name="connsiteY847" fmla="*/ 6040435 h 6857967"/>
              <a:gd name="connsiteX848" fmla="*/ 8899568 w 12191941"/>
              <a:gd name="connsiteY848" fmla="*/ 6040435 h 6857967"/>
              <a:gd name="connsiteX849" fmla="*/ 8899568 w 12191941"/>
              <a:gd name="connsiteY849" fmla="*/ 6111736 h 6857967"/>
              <a:gd name="connsiteX850" fmla="*/ 8970869 w 12191941"/>
              <a:gd name="connsiteY850" fmla="*/ 6111736 h 6857967"/>
              <a:gd name="connsiteX851" fmla="*/ 8970869 w 12191941"/>
              <a:gd name="connsiteY851" fmla="*/ 6040435 h 6857967"/>
              <a:gd name="connsiteX852" fmla="*/ 8756896 w 12191941"/>
              <a:gd name="connsiteY852" fmla="*/ 6040435 h 6857967"/>
              <a:gd name="connsiteX853" fmla="*/ 8756896 w 12191941"/>
              <a:gd name="connsiteY853" fmla="*/ 6111736 h 6857967"/>
              <a:gd name="connsiteX854" fmla="*/ 8828196 w 12191941"/>
              <a:gd name="connsiteY854" fmla="*/ 6111736 h 6857967"/>
              <a:gd name="connsiteX855" fmla="*/ 8828196 w 12191941"/>
              <a:gd name="connsiteY855" fmla="*/ 6040435 h 6857967"/>
              <a:gd name="connsiteX856" fmla="*/ 8614223 w 12191941"/>
              <a:gd name="connsiteY856" fmla="*/ 6040435 h 6857967"/>
              <a:gd name="connsiteX857" fmla="*/ 8614223 w 12191941"/>
              <a:gd name="connsiteY857" fmla="*/ 6111736 h 6857967"/>
              <a:gd name="connsiteX858" fmla="*/ 8685524 w 12191941"/>
              <a:gd name="connsiteY858" fmla="*/ 6111736 h 6857967"/>
              <a:gd name="connsiteX859" fmla="*/ 8685524 w 12191941"/>
              <a:gd name="connsiteY859" fmla="*/ 6040435 h 6857967"/>
              <a:gd name="connsiteX860" fmla="*/ 8471622 w 12191941"/>
              <a:gd name="connsiteY860" fmla="*/ 6040435 h 6857967"/>
              <a:gd name="connsiteX861" fmla="*/ 8471622 w 12191941"/>
              <a:gd name="connsiteY861" fmla="*/ 6111736 h 6857967"/>
              <a:gd name="connsiteX862" fmla="*/ 8542923 w 12191941"/>
              <a:gd name="connsiteY862" fmla="*/ 6111736 h 6857967"/>
              <a:gd name="connsiteX863" fmla="*/ 8542923 w 12191941"/>
              <a:gd name="connsiteY863" fmla="*/ 6040435 h 6857967"/>
              <a:gd name="connsiteX864" fmla="*/ 8328949 w 12191941"/>
              <a:gd name="connsiteY864" fmla="*/ 6040435 h 6857967"/>
              <a:gd name="connsiteX865" fmla="*/ 8328949 w 12191941"/>
              <a:gd name="connsiteY865" fmla="*/ 6111736 h 6857967"/>
              <a:gd name="connsiteX866" fmla="*/ 8400250 w 12191941"/>
              <a:gd name="connsiteY866" fmla="*/ 6111736 h 6857967"/>
              <a:gd name="connsiteX867" fmla="*/ 8400250 w 12191941"/>
              <a:gd name="connsiteY867" fmla="*/ 6040435 h 6857967"/>
              <a:gd name="connsiteX868" fmla="*/ 8186348 w 12191941"/>
              <a:gd name="connsiteY868" fmla="*/ 6040435 h 6857967"/>
              <a:gd name="connsiteX869" fmla="*/ 8186348 w 12191941"/>
              <a:gd name="connsiteY869" fmla="*/ 6111736 h 6857967"/>
              <a:gd name="connsiteX870" fmla="*/ 8257649 w 12191941"/>
              <a:gd name="connsiteY870" fmla="*/ 6111736 h 6857967"/>
              <a:gd name="connsiteX871" fmla="*/ 8257649 w 12191941"/>
              <a:gd name="connsiteY871" fmla="*/ 6040435 h 6857967"/>
              <a:gd name="connsiteX872" fmla="*/ 8043675 w 12191941"/>
              <a:gd name="connsiteY872" fmla="*/ 6040435 h 6857967"/>
              <a:gd name="connsiteX873" fmla="*/ 8043675 w 12191941"/>
              <a:gd name="connsiteY873" fmla="*/ 6111736 h 6857967"/>
              <a:gd name="connsiteX874" fmla="*/ 8114976 w 12191941"/>
              <a:gd name="connsiteY874" fmla="*/ 6111736 h 6857967"/>
              <a:gd name="connsiteX875" fmla="*/ 8114976 w 12191941"/>
              <a:gd name="connsiteY875" fmla="*/ 6040435 h 6857967"/>
              <a:gd name="connsiteX876" fmla="*/ 7901003 w 12191941"/>
              <a:gd name="connsiteY876" fmla="*/ 6040435 h 6857967"/>
              <a:gd name="connsiteX877" fmla="*/ 7901003 w 12191941"/>
              <a:gd name="connsiteY877" fmla="*/ 6111736 h 6857967"/>
              <a:gd name="connsiteX878" fmla="*/ 7972304 w 12191941"/>
              <a:gd name="connsiteY878" fmla="*/ 6111736 h 6857967"/>
              <a:gd name="connsiteX879" fmla="*/ 7972304 w 12191941"/>
              <a:gd name="connsiteY879" fmla="*/ 6040435 h 6857967"/>
              <a:gd name="connsiteX880" fmla="*/ 7758401 w 12191941"/>
              <a:gd name="connsiteY880" fmla="*/ 6040435 h 6857967"/>
              <a:gd name="connsiteX881" fmla="*/ 7758401 w 12191941"/>
              <a:gd name="connsiteY881" fmla="*/ 6111736 h 6857967"/>
              <a:gd name="connsiteX882" fmla="*/ 7829702 w 12191941"/>
              <a:gd name="connsiteY882" fmla="*/ 6111736 h 6857967"/>
              <a:gd name="connsiteX883" fmla="*/ 7829702 w 12191941"/>
              <a:gd name="connsiteY883" fmla="*/ 6040435 h 6857967"/>
              <a:gd name="connsiteX884" fmla="*/ 7615728 w 12191941"/>
              <a:gd name="connsiteY884" fmla="*/ 6040435 h 6857967"/>
              <a:gd name="connsiteX885" fmla="*/ 7615728 w 12191941"/>
              <a:gd name="connsiteY885" fmla="*/ 6111736 h 6857967"/>
              <a:gd name="connsiteX886" fmla="*/ 7687029 w 12191941"/>
              <a:gd name="connsiteY886" fmla="*/ 6111736 h 6857967"/>
              <a:gd name="connsiteX887" fmla="*/ 7687029 w 12191941"/>
              <a:gd name="connsiteY887" fmla="*/ 6040435 h 6857967"/>
              <a:gd name="connsiteX888" fmla="*/ 7473127 w 12191941"/>
              <a:gd name="connsiteY888" fmla="*/ 6040435 h 6857967"/>
              <a:gd name="connsiteX889" fmla="*/ 7473127 w 12191941"/>
              <a:gd name="connsiteY889" fmla="*/ 6111736 h 6857967"/>
              <a:gd name="connsiteX890" fmla="*/ 7544428 w 12191941"/>
              <a:gd name="connsiteY890" fmla="*/ 6111736 h 6857967"/>
              <a:gd name="connsiteX891" fmla="*/ 7544428 w 12191941"/>
              <a:gd name="connsiteY891" fmla="*/ 6040435 h 6857967"/>
              <a:gd name="connsiteX892" fmla="*/ 7330454 w 12191941"/>
              <a:gd name="connsiteY892" fmla="*/ 6040435 h 6857967"/>
              <a:gd name="connsiteX893" fmla="*/ 7330454 w 12191941"/>
              <a:gd name="connsiteY893" fmla="*/ 6111736 h 6857967"/>
              <a:gd name="connsiteX894" fmla="*/ 7401755 w 12191941"/>
              <a:gd name="connsiteY894" fmla="*/ 6111736 h 6857967"/>
              <a:gd name="connsiteX895" fmla="*/ 7401755 w 12191941"/>
              <a:gd name="connsiteY895" fmla="*/ 6040435 h 6857967"/>
              <a:gd name="connsiteX896" fmla="*/ 7187853 w 12191941"/>
              <a:gd name="connsiteY896" fmla="*/ 6040435 h 6857967"/>
              <a:gd name="connsiteX897" fmla="*/ 7187853 w 12191941"/>
              <a:gd name="connsiteY897" fmla="*/ 6111736 h 6857967"/>
              <a:gd name="connsiteX898" fmla="*/ 7259154 w 12191941"/>
              <a:gd name="connsiteY898" fmla="*/ 6111736 h 6857967"/>
              <a:gd name="connsiteX899" fmla="*/ 7259154 w 12191941"/>
              <a:gd name="connsiteY899" fmla="*/ 6040435 h 6857967"/>
              <a:gd name="connsiteX900" fmla="*/ 7045180 w 12191941"/>
              <a:gd name="connsiteY900" fmla="*/ 6040435 h 6857967"/>
              <a:gd name="connsiteX901" fmla="*/ 7045180 w 12191941"/>
              <a:gd name="connsiteY901" fmla="*/ 6111736 h 6857967"/>
              <a:gd name="connsiteX902" fmla="*/ 7116481 w 12191941"/>
              <a:gd name="connsiteY902" fmla="*/ 6111736 h 6857967"/>
              <a:gd name="connsiteX903" fmla="*/ 7116481 w 12191941"/>
              <a:gd name="connsiteY903" fmla="*/ 6040435 h 6857967"/>
              <a:gd name="connsiteX904" fmla="*/ 6902579 w 12191941"/>
              <a:gd name="connsiteY904" fmla="*/ 6040435 h 6857967"/>
              <a:gd name="connsiteX905" fmla="*/ 6902579 w 12191941"/>
              <a:gd name="connsiteY905" fmla="*/ 6111736 h 6857967"/>
              <a:gd name="connsiteX906" fmla="*/ 6973880 w 12191941"/>
              <a:gd name="connsiteY906" fmla="*/ 6111736 h 6857967"/>
              <a:gd name="connsiteX907" fmla="*/ 6973880 w 12191941"/>
              <a:gd name="connsiteY907" fmla="*/ 6040435 h 6857967"/>
              <a:gd name="connsiteX908" fmla="*/ 6759906 w 12191941"/>
              <a:gd name="connsiteY908" fmla="*/ 6040435 h 6857967"/>
              <a:gd name="connsiteX909" fmla="*/ 6759906 w 12191941"/>
              <a:gd name="connsiteY909" fmla="*/ 6111736 h 6857967"/>
              <a:gd name="connsiteX910" fmla="*/ 6831207 w 12191941"/>
              <a:gd name="connsiteY910" fmla="*/ 6111736 h 6857967"/>
              <a:gd name="connsiteX911" fmla="*/ 6831207 w 12191941"/>
              <a:gd name="connsiteY911" fmla="*/ 6040435 h 6857967"/>
              <a:gd name="connsiteX912" fmla="*/ 6617234 w 12191941"/>
              <a:gd name="connsiteY912" fmla="*/ 6040435 h 6857967"/>
              <a:gd name="connsiteX913" fmla="*/ 6617234 w 12191941"/>
              <a:gd name="connsiteY913" fmla="*/ 6111736 h 6857967"/>
              <a:gd name="connsiteX914" fmla="*/ 6688535 w 12191941"/>
              <a:gd name="connsiteY914" fmla="*/ 6111736 h 6857967"/>
              <a:gd name="connsiteX915" fmla="*/ 6688535 w 12191941"/>
              <a:gd name="connsiteY915" fmla="*/ 6040435 h 6857967"/>
              <a:gd name="connsiteX916" fmla="*/ 6474632 w 12191941"/>
              <a:gd name="connsiteY916" fmla="*/ 6040435 h 6857967"/>
              <a:gd name="connsiteX917" fmla="*/ 6474632 w 12191941"/>
              <a:gd name="connsiteY917" fmla="*/ 6111736 h 6857967"/>
              <a:gd name="connsiteX918" fmla="*/ 6545933 w 12191941"/>
              <a:gd name="connsiteY918" fmla="*/ 6111736 h 6857967"/>
              <a:gd name="connsiteX919" fmla="*/ 6545933 w 12191941"/>
              <a:gd name="connsiteY919" fmla="*/ 6040435 h 6857967"/>
              <a:gd name="connsiteX920" fmla="*/ 6331959 w 12191941"/>
              <a:gd name="connsiteY920" fmla="*/ 6040435 h 6857967"/>
              <a:gd name="connsiteX921" fmla="*/ 6331959 w 12191941"/>
              <a:gd name="connsiteY921" fmla="*/ 6111736 h 6857967"/>
              <a:gd name="connsiteX922" fmla="*/ 6403260 w 12191941"/>
              <a:gd name="connsiteY922" fmla="*/ 6111736 h 6857967"/>
              <a:gd name="connsiteX923" fmla="*/ 6403260 w 12191941"/>
              <a:gd name="connsiteY923" fmla="*/ 6040435 h 6857967"/>
              <a:gd name="connsiteX924" fmla="*/ 6189358 w 12191941"/>
              <a:gd name="connsiteY924" fmla="*/ 6040435 h 6857967"/>
              <a:gd name="connsiteX925" fmla="*/ 6189358 w 12191941"/>
              <a:gd name="connsiteY925" fmla="*/ 6111736 h 6857967"/>
              <a:gd name="connsiteX926" fmla="*/ 6260659 w 12191941"/>
              <a:gd name="connsiteY926" fmla="*/ 6111736 h 6857967"/>
              <a:gd name="connsiteX927" fmla="*/ 6260659 w 12191941"/>
              <a:gd name="connsiteY927" fmla="*/ 6040435 h 6857967"/>
              <a:gd name="connsiteX928" fmla="*/ 6046689 w 12191941"/>
              <a:gd name="connsiteY928" fmla="*/ 6040435 h 6857967"/>
              <a:gd name="connsiteX929" fmla="*/ 6046689 w 12191941"/>
              <a:gd name="connsiteY929" fmla="*/ 6111736 h 6857967"/>
              <a:gd name="connsiteX930" fmla="*/ 6117986 w 12191941"/>
              <a:gd name="connsiteY930" fmla="*/ 6111736 h 6857967"/>
              <a:gd name="connsiteX931" fmla="*/ 6117986 w 12191941"/>
              <a:gd name="connsiteY931" fmla="*/ 6040435 h 6857967"/>
              <a:gd name="connsiteX932" fmla="*/ 5904022 w 12191941"/>
              <a:gd name="connsiteY932" fmla="*/ 6040435 h 6857967"/>
              <a:gd name="connsiteX933" fmla="*/ 5904022 w 12191941"/>
              <a:gd name="connsiteY933" fmla="*/ 6111736 h 6857967"/>
              <a:gd name="connsiteX934" fmla="*/ 5975319 w 12191941"/>
              <a:gd name="connsiteY934" fmla="*/ 6111736 h 6857967"/>
              <a:gd name="connsiteX935" fmla="*/ 5975319 w 12191941"/>
              <a:gd name="connsiteY935" fmla="*/ 6040435 h 6857967"/>
              <a:gd name="connsiteX936" fmla="*/ 5761426 w 12191941"/>
              <a:gd name="connsiteY936" fmla="*/ 6040435 h 6857967"/>
              <a:gd name="connsiteX937" fmla="*/ 5761426 w 12191941"/>
              <a:gd name="connsiteY937" fmla="*/ 6111736 h 6857967"/>
              <a:gd name="connsiteX938" fmla="*/ 5832724 w 12191941"/>
              <a:gd name="connsiteY938" fmla="*/ 6111736 h 6857967"/>
              <a:gd name="connsiteX939" fmla="*/ 5832724 w 12191941"/>
              <a:gd name="connsiteY939" fmla="*/ 6040435 h 6857967"/>
              <a:gd name="connsiteX940" fmla="*/ 5618761 w 12191941"/>
              <a:gd name="connsiteY940" fmla="*/ 6040435 h 6857967"/>
              <a:gd name="connsiteX941" fmla="*/ 5618761 w 12191941"/>
              <a:gd name="connsiteY941" fmla="*/ 6111736 h 6857967"/>
              <a:gd name="connsiteX942" fmla="*/ 5690059 w 12191941"/>
              <a:gd name="connsiteY942" fmla="*/ 6111736 h 6857967"/>
              <a:gd name="connsiteX943" fmla="*/ 5690059 w 12191941"/>
              <a:gd name="connsiteY943" fmla="*/ 6040435 h 6857967"/>
              <a:gd name="connsiteX944" fmla="*/ 5476167 w 12191941"/>
              <a:gd name="connsiteY944" fmla="*/ 6040435 h 6857967"/>
              <a:gd name="connsiteX945" fmla="*/ 5476167 w 12191941"/>
              <a:gd name="connsiteY945" fmla="*/ 6111736 h 6857967"/>
              <a:gd name="connsiteX946" fmla="*/ 5547465 w 12191941"/>
              <a:gd name="connsiteY946" fmla="*/ 6111736 h 6857967"/>
              <a:gd name="connsiteX947" fmla="*/ 5547465 w 12191941"/>
              <a:gd name="connsiteY947" fmla="*/ 6040435 h 6857967"/>
              <a:gd name="connsiteX948" fmla="*/ 5333502 w 12191941"/>
              <a:gd name="connsiteY948" fmla="*/ 6040435 h 6857967"/>
              <a:gd name="connsiteX949" fmla="*/ 5333502 w 12191941"/>
              <a:gd name="connsiteY949" fmla="*/ 6111736 h 6857967"/>
              <a:gd name="connsiteX950" fmla="*/ 5404800 w 12191941"/>
              <a:gd name="connsiteY950" fmla="*/ 6111736 h 6857967"/>
              <a:gd name="connsiteX951" fmla="*/ 5404800 w 12191941"/>
              <a:gd name="connsiteY951" fmla="*/ 6040435 h 6857967"/>
              <a:gd name="connsiteX952" fmla="*/ 5190877 w 12191941"/>
              <a:gd name="connsiteY952" fmla="*/ 6040435 h 6857967"/>
              <a:gd name="connsiteX953" fmla="*/ 5190877 w 12191941"/>
              <a:gd name="connsiteY953" fmla="*/ 6111736 h 6857967"/>
              <a:gd name="connsiteX954" fmla="*/ 5262188 w 12191941"/>
              <a:gd name="connsiteY954" fmla="*/ 6111736 h 6857967"/>
              <a:gd name="connsiteX955" fmla="*/ 5262188 w 12191941"/>
              <a:gd name="connsiteY955" fmla="*/ 6040435 h 6857967"/>
              <a:gd name="connsiteX956" fmla="*/ 5048236 w 12191941"/>
              <a:gd name="connsiteY956" fmla="*/ 6040435 h 6857967"/>
              <a:gd name="connsiteX957" fmla="*/ 5048236 w 12191941"/>
              <a:gd name="connsiteY957" fmla="*/ 6111736 h 6857967"/>
              <a:gd name="connsiteX958" fmla="*/ 5119527 w 12191941"/>
              <a:gd name="connsiteY958" fmla="*/ 6111736 h 6857967"/>
              <a:gd name="connsiteX959" fmla="*/ 5119527 w 12191941"/>
              <a:gd name="connsiteY959" fmla="*/ 6040435 h 6857967"/>
              <a:gd name="connsiteX960" fmla="*/ 4906607 w 12191941"/>
              <a:gd name="connsiteY960" fmla="*/ 6040435 h 6857967"/>
              <a:gd name="connsiteX961" fmla="*/ 4906607 w 12191941"/>
              <a:gd name="connsiteY961" fmla="*/ 6111736 h 6857967"/>
              <a:gd name="connsiteX962" fmla="*/ 4977916 w 12191941"/>
              <a:gd name="connsiteY962" fmla="*/ 6111736 h 6857967"/>
              <a:gd name="connsiteX963" fmla="*/ 4977916 w 12191941"/>
              <a:gd name="connsiteY963" fmla="*/ 6040435 h 6857967"/>
              <a:gd name="connsiteX964" fmla="*/ 4764013 w 12191941"/>
              <a:gd name="connsiteY964" fmla="*/ 6040435 h 6857967"/>
              <a:gd name="connsiteX965" fmla="*/ 4764013 w 12191941"/>
              <a:gd name="connsiteY965" fmla="*/ 6111736 h 6857967"/>
              <a:gd name="connsiteX966" fmla="*/ 4835311 w 12191941"/>
              <a:gd name="connsiteY966" fmla="*/ 6111736 h 6857967"/>
              <a:gd name="connsiteX967" fmla="*/ 4835311 w 12191941"/>
              <a:gd name="connsiteY967" fmla="*/ 6040435 h 6857967"/>
              <a:gd name="connsiteX968" fmla="*/ 4621341 w 12191941"/>
              <a:gd name="connsiteY968" fmla="*/ 6040435 h 6857967"/>
              <a:gd name="connsiteX969" fmla="*/ 4621341 w 12191941"/>
              <a:gd name="connsiteY969" fmla="*/ 6111736 h 6857967"/>
              <a:gd name="connsiteX970" fmla="*/ 4692639 w 12191941"/>
              <a:gd name="connsiteY970" fmla="*/ 6111736 h 6857967"/>
              <a:gd name="connsiteX971" fmla="*/ 4692639 w 12191941"/>
              <a:gd name="connsiteY971" fmla="*/ 6040435 h 6857967"/>
              <a:gd name="connsiteX972" fmla="*/ 4478666 w 12191941"/>
              <a:gd name="connsiteY972" fmla="*/ 6040435 h 6857967"/>
              <a:gd name="connsiteX973" fmla="*/ 4478666 w 12191941"/>
              <a:gd name="connsiteY973" fmla="*/ 6111736 h 6857967"/>
              <a:gd name="connsiteX974" fmla="*/ 4549971 w 12191941"/>
              <a:gd name="connsiteY974" fmla="*/ 6111736 h 6857967"/>
              <a:gd name="connsiteX975" fmla="*/ 4549971 w 12191941"/>
              <a:gd name="connsiteY975" fmla="*/ 6040435 h 6857967"/>
              <a:gd name="connsiteX976" fmla="*/ 4336067 w 12191941"/>
              <a:gd name="connsiteY976" fmla="*/ 6040435 h 6857967"/>
              <a:gd name="connsiteX977" fmla="*/ 4336067 w 12191941"/>
              <a:gd name="connsiteY977" fmla="*/ 6111736 h 6857967"/>
              <a:gd name="connsiteX978" fmla="*/ 4407366 w 12191941"/>
              <a:gd name="connsiteY978" fmla="*/ 6111736 h 6857967"/>
              <a:gd name="connsiteX979" fmla="*/ 4407366 w 12191941"/>
              <a:gd name="connsiteY979" fmla="*/ 6040435 h 6857967"/>
              <a:gd name="connsiteX980" fmla="*/ 4193413 w 12191941"/>
              <a:gd name="connsiteY980" fmla="*/ 6040435 h 6857967"/>
              <a:gd name="connsiteX981" fmla="*/ 4193413 w 12191941"/>
              <a:gd name="connsiteY981" fmla="*/ 6111736 h 6857967"/>
              <a:gd name="connsiteX982" fmla="*/ 4264695 w 12191941"/>
              <a:gd name="connsiteY982" fmla="*/ 6111736 h 6857967"/>
              <a:gd name="connsiteX983" fmla="*/ 4264695 w 12191941"/>
              <a:gd name="connsiteY983" fmla="*/ 6040435 h 6857967"/>
              <a:gd name="connsiteX984" fmla="*/ 4050810 w 12191941"/>
              <a:gd name="connsiteY984" fmla="*/ 6040435 h 6857967"/>
              <a:gd name="connsiteX985" fmla="*/ 4050810 w 12191941"/>
              <a:gd name="connsiteY985" fmla="*/ 6111736 h 6857967"/>
              <a:gd name="connsiteX986" fmla="*/ 4122113 w 12191941"/>
              <a:gd name="connsiteY986" fmla="*/ 6111736 h 6857967"/>
              <a:gd name="connsiteX987" fmla="*/ 4122113 w 12191941"/>
              <a:gd name="connsiteY987" fmla="*/ 6040435 h 6857967"/>
              <a:gd name="connsiteX988" fmla="*/ 3908138 w 12191941"/>
              <a:gd name="connsiteY988" fmla="*/ 6040435 h 6857967"/>
              <a:gd name="connsiteX989" fmla="*/ 3908138 w 12191941"/>
              <a:gd name="connsiteY989" fmla="*/ 6111736 h 6857967"/>
              <a:gd name="connsiteX990" fmla="*/ 3979439 w 12191941"/>
              <a:gd name="connsiteY990" fmla="*/ 6111736 h 6857967"/>
              <a:gd name="connsiteX991" fmla="*/ 3979439 w 12191941"/>
              <a:gd name="connsiteY991" fmla="*/ 6040435 h 6857967"/>
              <a:gd name="connsiteX992" fmla="*/ 3765464 w 12191941"/>
              <a:gd name="connsiteY992" fmla="*/ 6040435 h 6857967"/>
              <a:gd name="connsiteX993" fmla="*/ 3765464 w 12191941"/>
              <a:gd name="connsiteY993" fmla="*/ 6111736 h 6857967"/>
              <a:gd name="connsiteX994" fmla="*/ 3836763 w 12191941"/>
              <a:gd name="connsiteY994" fmla="*/ 6111736 h 6857967"/>
              <a:gd name="connsiteX995" fmla="*/ 3836763 w 12191941"/>
              <a:gd name="connsiteY995" fmla="*/ 6040435 h 6857967"/>
              <a:gd name="connsiteX996" fmla="*/ 3622853 w 12191941"/>
              <a:gd name="connsiteY996" fmla="*/ 6040435 h 6857967"/>
              <a:gd name="connsiteX997" fmla="*/ 3622853 w 12191941"/>
              <a:gd name="connsiteY997" fmla="*/ 6111736 h 6857967"/>
              <a:gd name="connsiteX998" fmla="*/ 3694151 w 12191941"/>
              <a:gd name="connsiteY998" fmla="*/ 6111736 h 6857967"/>
              <a:gd name="connsiteX999" fmla="*/ 3694151 w 12191941"/>
              <a:gd name="connsiteY999" fmla="*/ 6040435 h 6857967"/>
              <a:gd name="connsiteX1000" fmla="*/ 3480203 w 12191941"/>
              <a:gd name="connsiteY1000" fmla="*/ 6040435 h 6857967"/>
              <a:gd name="connsiteX1001" fmla="*/ 3480203 w 12191941"/>
              <a:gd name="connsiteY1001" fmla="*/ 6111736 h 6857967"/>
              <a:gd name="connsiteX1002" fmla="*/ 3551511 w 12191941"/>
              <a:gd name="connsiteY1002" fmla="*/ 6111736 h 6857967"/>
              <a:gd name="connsiteX1003" fmla="*/ 3551511 w 12191941"/>
              <a:gd name="connsiteY1003" fmla="*/ 6040435 h 6857967"/>
              <a:gd name="connsiteX1004" fmla="*/ 3337579 w 12191941"/>
              <a:gd name="connsiteY1004" fmla="*/ 6040435 h 6857967"/>
              <a:gd name="connsiteX1005" fmla="*/ 3337579 w 12191941"/>
              <a:gd name="connsiteY1005" fmla="*/ 6111736 h 6857967"/>
              <a:gd name="connsiteX1006" fmla="*/ 3408880 w 12191941"/>
              <a:gd name="connsiteY1006" fmla="*/ 6111736 h 6857967"/>
              <a:gd name="connsiteX1007" fmla="*/ 3408880 w 12191941"/>
              <a:gd name="connsiteY1007" fmla="*/ 6040435 h 6857967"/>
              <a:gd name="connsiteX1008" fmla="*/ 3194906 w 12191941"/>
              <a:gd name="connsiteY1008" fmla="*/ 6040435 h 6857967"/>
              <a:gd name="connsiteX1009" fmla="*/ 3194906 w 12191941"/>
              <a:gd name="connsiteY1009" fmla="*/ 6111736 h 6857967"/>
              <a:gd name="connsiteX1010" fmla="*/ 3266208 w 12191941"/>
              <a:gd name="connsiteY1010" fmla="*/ 6111736 h 6857967"/>
              <a:gd name="connsiteX1011" fmla="*/ 3266208 w 12191941"/>
              <a:gd name="connsiteY1011" fmla="*/ 6040435 h 6857967"/>
              <a:gd name="connsiteX1012" fmla="*/ 3052305 w 12191941"/>
              <a:gd name="connsiteY1012" fmla="*/ 6040435 h 6857967"/>
              <a:gd name="connsiteX1013" fmla="*/ 3052305 w 12191941"/>
              <a:gd name="connsiteY1013" fmla="*/ 6111736 h 6857967"/>
              <a:gd name="connsiteX1014" fmla="*/ 3123607 w 12191941"/>
              <a:gd name="connsiteY1014" fmla="*/ 6111736 h 6857967"/>
              <a:gd name="connsiteX1015" fmla="*/ 3123607 w 12191941"/>
              <a:gd name="connsiteY1015" fmla="*/ 6040435 h 6857967"/>
              <a:gd name="connsiteX1016" fmla="*/ 2909634 w 12191941"/>
              <a:gd name="connsiteY1016" fmla="*/ 6040435 h 6857967"/>
              <a:gd name="connsiteX1017" fmla="*/ 2909634 w 12191941"/>
              <a:gd name="connsiteY1017" fmla="*/ 6111736 h 6857967"/>
              <a:gd name="connsiteX1018" fmla="*/ 2980934 w 12191941"/>
              <a:gd name="connsiteY1018" fmla="*/ 6111736 h 6857967"/>
              <a:gd name="connsiteX1019" fmla="*/ 2980934 w 12191941"/>
              <a:gd name="connsiteY1019" fmla="*/ 6040435 h 6857967"/>
              <a:gd name="connsiteX1020" fmla="*/ 2767033 w 12191941"/>
              <a:gd name="connsiteY1020" fmla="*/ 6040435 h 6857967"/>
              <a:gd name="connsiteX1021" fmla="*/ 2767033 w 12191941"/>
              <a:gd name="connsiteY1021" fmla="*/ 6111736 h 6857967"/>
              <a:gd name="connsiteX1022" fmla="*/ 2838334 w 12191941"/>
              <a:gd name="connsiteY1022" fmla="*/ 6111736 h 6857967"/>
              <a:gd name="connsiteX1023" fmla="*/ 2838334 w 12191941"/>
              <a:gd name="connsiteY1023" fmla="*/ 6040435 h 6857967"/>
              <a:gd name="connsiteX1024" fmla="*/ 2624361 w 12191941"/>
              <a:gd name="connsiteY1024" fmla="*/ 6040435 h 6857967"/>
              <a:gd name="connsiteX1025" fmla="*/ 2624361 w 12191941"/>
              <a:gd name="connsiteY1025" fmla="*/ 6111736 h 6857967"/>
              <a:gd name="connsiteX1026" fmla="*/ 2695662 w 12191941"/>
              <a:gd name="connsiteY1026" fmla="*/ 6111736 h 6857967"/>
              <a:gd name="connsiteX1027" fmla="*/ 2695662 w 12191941"/>
              <a:gd name="connsiteY1027" fmla="*/ 6040435 h 6857967"/>
              <a:gd name="connsiteX1028" fmla="*/ 2481690 w 12191941"/>
              <a:gd name="connsiteY1028" fmla="*/ 6040435 h 6857967"/>
              <a:gd name="connsiteX1029" fmla="*/ 2481690 w 12191941"/>
              <a:gd name="connsiteY1029" fmla="*/ 6111736 h 6857967"/>
              <a:gd name="connsiteX1030" fmla="*/ 2552991 w 12191941"/>
              <a:gd name="connsiteY1030" fmla="*/ 6111736 h 6857967"/>
              <a:gd name="connsiteX1031" fmla="*/ 2552991 w 12191941"/>
              <a:gd name="connsiteY1031" fmla="*/ 6040435 h 6857967"/>
              <a:gd name="connsiteX1032" fmla="*/ 2339091 w 12191941"/>
              <a:gd name="connsiteY1032" fmla="*/ 6040435 h 6857967"/>
              <a:gd name="connsiteX1033" fmla="*/ 2339091 w 12191941"/>
              <a:gd name="connsiteY1033" fmla="*/ 6111736 h 6857967"/>
              <a:gd name="connsiteX1034" fmla="*/ 2410392 w 12191941"/>
              <a:gd name="connsiteY1034" fmla="*/ 6111736 h 6857967"/>
              <a:gd name="connsiteX1035" fmla="*/ 2410392 w 12191941"/>
              <a:gd name="connsiteY1035" fmla="*/ 6040435 h 6857967"/>
              <a:gd name="connsiteX1036" fmla="*/ 2196420 w 12191941"/>
              <a:gd name="connsiteY1036" fmla="*/ 6040435 h 6857967"/>
              <a:gd name="connsiteX1037" fmla="*/ 2196420 w 12191941"/>
              <a:gd name="connsiteY1037" fmla="*/ 6111736 h 6857967"/>
              <a:gd name="connsiteX1038" fmla="*/ 2267721 w 12191941"/>
              <a:gd name="connsiteY1038" fmla="*/ 6111736 h 6857967"/>
              <a:gd name="connsiteX1039" fmla="*/ 2267721 w 12191941"/>
              <a:gd name="connsiteY1039" fmla="*/ 6040435 h 6857967"/>
              <a:gd name="connsiteX1040" fmla="*/ 2053813 w 12191941"/>
              <a:gd name="connsiteY1040" fmla="*/ 6040435 h 6857967"/>
              <a:gd name="connsiteX1041" fmla="*/ 2053813 w 12191941"/>
              <a:gd name="connsiteY1041" fmla="*/ 6111736 h 6857967"/>
              <a:gd name="connsiteX1042" fmla="*/ 2125117 w 12191941"/>
              <a:gd name="connsiteY1042" fmla="*/ 6111736 h 6857967"/>
              <a:gd name="connsiteX1043" fmla="*/ 2125117 w 12191941"/>
              <a:gd name="connsiteY1043" fmla="*/ 6040435 h 6857967"/>
              <a:gd name="connsiteX1044" fmla="*/ 1911141 w 12191941"/>
              <a:gd name="connsiteY1044" fmla="*/ 6040435 h 6857967"/>
              <a:gd name="connsiteX1045" fmla="*/ 1911141 w 12191941"/>
              <a:gd name="connsiteY1045" fmla="*/ 6111736 h 6857967"/>
              <a:gd name="connsiteX1046" fmla="*/ 1982442 w 12191941"/>
              <a:gd name="connsiteY1046" fmla="*/ 6111736 h 6857967"/>
              <a:gd name="connsiteX1047" fmla="*/ 1982442 w 12191941"/>
              <a:gd name="connsiteY1047" fmla="*/ 6040435 h 6857967"/>
              <a:gd name="connsiteX1048" fmla="*/ 1768471 w 12191941"/>
              <a:gd name="connsiteY1048" fmla="*/ 6040435 h 6857967"/>
              <a:gd name="connsiteX1049" fmla="*/ 1768471 w 12191941"/>
              <a:gd name="connsiteY1049" fmla="*/ 6111736 h 6857967"/>
              <a:gd name="connsiteX1050" fmla="*/ 1839771 w 12191941"/>
              <a:gd name="connsiteY1050" fmla="*/ 6111736 h 6857967"/>
              <a:gd name="connsiteX1051" fmla="*/ 1839771 w 12191941"/>
              <a:gd name="connsiteY1051" fmla="*/ 6040435 h 6857967"/>
              <a:gd name="connsiteX1052" fmla="*/ 1625870 w 12191941"/>
              <a:gd name="connsiteY1052" fmla="*/ 6040435 h 6857967"/>
              <a:gd name="connsiteX1053" fmla="*/ 1625870 w 12191941"/>
              <a:gd name="connsiteY1053" fmla="*/ 6111736 h 6857967"/>
              <a:gd name="connsiteX1054" fmla="*/ 1697171 w 12191941"/>
              <a:gd name="connsiteY1054" fmla="*/ 6111736 h 6857967"/>
              <a:gd name="connsiteX1055" fmla="*/ 1697171 w 12191941"/>
              <a:gd name="connsiteY1055" fmla="*/ 6040435 h 6857967"/>
              <a:gd name="connsiteX1056" fmla="*/ 1483200 w 12191941"/>
              <a:gd name="connsiteY1056" fmla="*/ 6040435 h 6857967"/>
              <a:gd name="connsiteX1057" fmla="*/ 1483200 w 12191941"/>
              <a:gd name="connsiteY1057" fmla="*/ 6111736 h 6857967"/>
              <a:gd name="connsiteX1058" fmla="*/ 1554500 w 12191941"/>
              <a:gd name="connsiteY1058" fmla="*/ 6111736 h 6857967"/>
              <a:gd name="connsiteX1059" fmla="*/ 1554500 w 12191941"/>
              <a:gd name="connsiteY1059" fmla="*/ 6040435 h 6857967"/>
              <a:gd name="connsiteX1060" fmla="*/ 1340599 w 12191941"/>
              <a:gd name="connsiteY1060" fmla="*/ 6040435 h 6857967"/>
              <a:gd name="connsiteX1061" fmla="*/ 1340599 w 12191941"/>
              <a:gd name="connsiteY1061" fmla="*/ 6111736 h 6857967"/>
              <a:gd name="connsiteX1062" fmla="*/ 1411901 w 12191941"/>
              <a:gd name="connsiteY1062" fmla="*/ 6111736 h 6857967"/>
              <a:gd name="connsiteX1063" fmla="*/ 1411901 w 12191941"/>
              <a:gd name="connsiteY1063" fmla="*/ 6040435 h 6857967"/>
              <a:gd name="connsiteX1064" fmla="*/ 1197930 w 12191941"/>
              <a:gd name="connsiteY1064" fmla="*/ 6040435 h 6857967"/>
              <a:gd name="connsiteX1065" fmla="*/ 1197930 w 12191941"/>
              <a:gd name="connsiteY1065" fmla="*/ 6111736 h 6857967"/>
              <a:gd name="connsiteX1066" fmla="*/ 1269231 w 12191941"/>
              <a:gd name="connsiteY1066" fmla="*/ 6111736 h 6857967"/>
              <a:gd name="connsiteX1067" fmla="*/ 1269231 w 12191941"/>
              <a:gd name="connsiteY1067" fmla="*/ 6040435 h 6857967"/>
              <a:gd name="connsiteX1068" fmla="*/ 1055312 w 12191941"/>
              <a:gd name="connsiteY1068" fmla="*/ 6040435 h 6857967"/>
              <a:gd name="connsiteX1069" fmla="*/ 1055312 w 12191941"/>
              <a:gd name="connsiteY1069" fmla="*/ 6111736 h 6857967"/>
              <a:gd name="connsiteX1070" fmla="*/ 1126613 w 12191941"/>
              <a:gd name="connsiteY1070" fmla="*/ 6111736 h 6857967"/>
              <a:gd name="connsiteX1071" fmla="*/ 1126613 w 12191941"/>
              <a:gd name="connsiteY1071" fmla="*/ 6040435 h 6857967"/>
              <a:gd name="connsiteX1072" fmla="*/ 912657 w 12191941"/>
              <a:gd name="connsiteY1072" fmla="*/ 6040435 h 6857967"/>
              <a:gd name="connsiteX1073" fmla="*/ 912657 w 12191941"/>
              <a:gd name="connsiteY1073" fmla="*/ 6111736 h 6857967"/>
              <a:gd name="connsiteX1074" fmla="*/ 983958 w 12191941"/>
              <a:gd name="connsiteY1074" fmla="*/ 6111736 h 6857967"/>
              <a:gd name="connsiteX1075" fmla="*/ 983958 w 12191941"/>
              <a:gd name="connsiteY1075" fmla="*/ 6040435 h 6857967"/>
              <a:gd name="connsiteX1076" fmla="*/ 771136 w 12191941"/>
              <a:gd name="connsiteY1076" fmla="*/ 6040435 h 6857967"/>
              <a:gd name="connsiteX1077" fmla="*/ 771136 w 12191941"/>
              <a:gd name="connsiteY1077" fmla="*/ 6111736 h 6857967"/>
              <a:gd name="connsiteX1078" fmla="*/ 842437 w 12191941"/>
              <a:gd name="connsiteY1078" fmla="*/ 6111736 h 6857967"/>
              <a:gd name="connsiteX1079" fmla="*/ 842437 w 12191941"/>
              <a:gd name="connsiteY1079" fmla="*/ 6040435 h 6857967"/>
              <a:gd name="connsiteX1080" fmla="*/ 628535 w 12191941"/>
              <a:gd name="connsiteY1080" fmla="*/ 6040435 h 6857967"/>
              <a:gd name="connsiteX1081" fmla="*/ 628535 w 12191941"/>
              <a:gd name="connsiteY1081" fmla="*/ 6111736 h 6857967"/>
              <a:gd name="connsiteX1082" fmla="*/ 699836 w 12191941"/>
              <a:gd name="connsiteY1082" fmla="*/ 6111736 h 6857967"/>
              <a:gd name="connsiteX1083" fmla="*/ 699836 w 12191941"/>
              <a:gd name="connsiteY1083" fmla="*/ 6040435 h 6857967"/>
              <a:gd name="connsiteX1084" fmla="*/ 485863 w 12191941"/>
              <a:gd name="connsiteY1084" fmla="*/ 6040435 h 6857967"/>
              <a:gd name="connsiteX1085" fmla="*/ 485863 w 12191941"/>
              <a:gd name="connsiteY1085" fmla="*/ 6111736 h 6857967"/>
              <a:gd name="connsiteX1086" fmla="*/ 557163 w 12191941"/>
              <a:gd name="connsiteY1086" fmla="*/ 6111736 h 6857967"/>
              <a:gd name="connsiteX1087" fmla="*/ 557163 w 12191941"/>
              <a:gd name="connsiteY1087" fmla="*/ 6040435 h 6857967"/>
              <a:gd name="connsiteX1088" fmla="*/ 343191 w 12191941"/>
              <a:gd name="connsiteY1088" fmla="*/ 6040435 h 6857967"/>
              <a:gd name="connsiteX1089" fmla="*/ 343191 w 12191941"/>
              <a:gd name="connsiteY1089" fmla="*/ 6111736 h 6857967"/>
              <a:gd name="connsiteX1090" fmla="*/ 414492 w 12191941"/>
              <a:gd name="connsiteY1090" fmla="*/ 6111736 h 6857967"/>
              <a:gd name="connsiteX1091" fmla="*/ 414492 w 12191941"/>
              <a:gd name="connsiteY1091" fmla="*/ 6040435 h 6857967"/>
              <a:gd name="connsiteX1092" fmla="*/ 200591 w 12191941"/>
              <a:gd name="connsiteY1092" fmla="*/ 6040435 h 6857967"/>
              <a:gd name="connsiteX1093" fmla="*/ 200591 w 12191941"/>
              <a:gd name="connsiteY1093" fmla="*/ 6111736 h 6857967"/>
              <a:gd name="connsiteX1094" fmla="*/ 271892 w 12191941"/>
              <a:gd name="connsiteY1094" fmla="*/ 6111736 h 6857967"/>
              <a:gd name="connsiteX1095" fmla="*/ 271892 w 12191941"/>
              <a:gd name="connsiteY1095" fmla="*/ 6040435 h 6857967"/>
              <a:gd name="connsiteX1096" fmla="*/ 57918 w 12191941"/>
              <a:gd name="connsiteY1096" fmla="*/ 6040435 h 6857967"/>
              <a:gd name="connsiteX1097" fmla="*/ 57918 w 12191941"/>
              <a:gd name="connsiteY1097" fmla="*/ 6111736 h 6857967"/>
              <a:gd name="connsiteX1098" fmla="*/ 129219 w 12191941"/>
              <a:gd name="connsiteY1098" fmla="*/ 6111736 h 6857967"/>
              <a:gd name="connsiteX1099" fmla="*/ 129219 w 12191941"/>
              <a:gd name="connsiteY1099" fmla="*/ 6040435 h 6857967"/>
              <a:gd name="connsiteX1100" fmla="*/ 0 w 12191941"/>
              <a:gd name="connsiteY1100" fmla="*/ 0 h 6857967"/>
              <a:gd name="connsiteX1101" fmla="*/ 12191941 w 12191941"/>
              <a:gd name="connsiteY1101" fmla="*/ 0 h 6857967"/>
              <a:gd name="connsiteX1102" fmla="*/ 12191941 w 12191941"/>
              <a:gd name="connsiteY1102" fmla="*/ 6857967 h 6857967"/>
              <a:gd name="connsiteX1103" fmla="*/ 0 w 12191941"/>
              <a:gd name="connsiteY1103" fmla="*/ 6857967 h 6857967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  <a:cxn ang="0">
                <a:pos x="connsiteX748" y="connsiteY748"/>
              </a:cxn>
              <a:cxn ang="0">
                <a:pos x="connsiteX749" y="connsiteY749"/>
              </a:cxn>
              <a:cxn ang="0">
                <a:pos x="connsiteX750" y="connsiteY750"/>
              </a:cxn>
              <a:cxn ang="0">
                <a:pos x="connsiteX751" y="connsiteY751"/>
              </a:cxn>
              <a:cxn ang="0">
                <a:pos x="connsiteX752" y="connsiteY752"/>
              </a:cxn>
              <a:cxn ang="0">
                <a:pos x="connsiteX753" y="connsiteY753"/>
              </a:cxn>
              <a:cxn ang="0">
                <a:pos x="connsiteX754" y="connsiteY754"/>
              </a:cxn>
              <a:cxn ang="0">
                <a:pos x="connsiteX755" y="connsiteY755"/>
              </a:cxn>
              <a:cxn ang="0">
                <a:pos x="connsiteX756" y="connsiteY756"/>
              </a:cxn>
              <a:cxn ang="0">
                <a:pos x="connsiteX757" y="connsiteY757"/>
              </a:cxn>
              <a:cxn ang="0">
                <a:pos x="connsiteX758" y="connsiteY758"/>
              </a:cxn>
              <a:cxn ang="0">
                <a:pos x="connsiteX759" y="connsiteY759"/>
              </a:cxn>
              <a:cxn ang="0">
                <a:pos x="connsiteX760" y="connsiteY760"/>
              </a:cxn>
              <a:cxn ang="0">
                <a:pos x="connsiteX761" y="connsiteY761"/>
              </a:cxn>
              <a:cxn ang="0">
                <a:pos x="connsiteX762" y="connsiteY762"/>
              </a:cxn>
              <a:cxn ang="0">
                <a:pos x="connsiteX763" y="connsiteY763"/>
              </a:cxn>
              <a:cxn ang="0">
                <a:pos x="connsiteX764" y="connsiteY764"/>
              </a:cxn>
              <a:cxn ang="0">
                <a:pos x="connsiteX765" y="connsiteY765"/>
              </a:cxn>
              <a:cxn ang="0">
                <a:pos x="connsiteX766" y="connsiteY766"/>
              </a:cxn>
              <a:cxn ang="0">
                <a:pos x="connsiteX767" y="connsiteY767"/>
              </a:cxn>
              <a:cxn ang="0">
                <a:pos x="connsiteX768" y="connsiteY768"/>
              </a:cxn>
              <a:cxn ang="0">
                <a:pos x="connsiteX769" y="connsiteY769"/>
              </a:cxn>
              <a:cxn ang="0">
                <a:pos x="connsiteX770" y="connsiteY770"/>
              </a:cxn>
              <a:cxn ang="0">
                <a:pos x="connsiteX771" y="connsiteY771"/>
              </a:cxn>
              <a:cxn ang="0">
                <a:pos x="connsiteX772" y="connsiteY772"/>
              </a:cxn>
              <a:cxn ang="0">
                <a:pos x="connsiteX773" y="connsiteY773"/>
              </a:cxn>
              <a:cxn ang="0">
                <a:pos x="connsiteX774" y="connsiteY774"/>
              </a:cxn>
              <a:cxn ang="0">
                <a:pos x="connsiteX775" y="connsiteY775"/>
              </a:cxn>
              <a:cxn ang="0">
                <a:pos x="connsiteX776" y="connsiteY776"/>
              </a:cxn>
              <a:cxn ang="0">
                <a:pos x="connsiteX777" y="connsiteY777"/>
              </a:cxn>
              <a:cxn ang="0">
                <a:pos x="connsiteX778" y="connsiteY778"/>
              </a:cxn>
              <a:cxn ang="0">
                <a:pos x="connsiteX779" y="connsiteY779"/>
              </a:cxn>
              <a:cxn ang="0">
                <a:pos x="connsiteX780" y="connsiteY780"/>
              </a:cxn>
              <a:cxn ang="0">
                <a:pos x="connsiteX781" y="connsiteY781"/>
              </a:cxn>
              <a:cxn ang="0">
                <a:pos x="connsiteX782" y="connsiteY782"/>
              </a:cxn>
              <a:cxn ang="0">
                <a:pos x="connsiteX783" y="connsiteY783"/>
              </a:cxn>
              <a:cxn ang="0">
                <a:pos x="connsiteX784" y="connsiteY784"/>
              </a:cxn>
              <a:cxn ang="0">
                <a:pos x="connsiteX785" y="connsiteY785"/>
              </a:cxn>
              <a:cxn ang="0">
                <a:pos x="connsiteX786" y="connsiteY786"/>
              </a:cxn>
              <a:cxn ang="0">
                <a:pos x="connsiteX787" y="connsiteY787"/>
              </a:cxn>
              <a:cxn ang="0">
                <a:pos x="connsiteX788" y="connsiteY788"/>
              </a:cxn>
              <a:cxn ang="0">
                <a:pos x="connsiteX789" y="connsiteY789"/>
              </a:cxn>
              <a:cxn ang="0">
                <a:pos x="connsiteX790" y="connsiteY790"/>
              </a:cxn>
              <a:cxn ang="0">
                <a:pos x="connsiteX791" y="connsiteY791"/>
              </a:cxn>
              <a:cxn ang="0">
                <a:pos x="connsiteX792" y="connsiteY792"/>
              </a:cxn>
              <a:cxn ang="0">
                <a:pos x="connsiteX793" y="connsiteY793"/>
              </a:cxn>
              <a:cxn ang="0">
                <a:pos x="connsiteX794" y="connsiteY794"/>
              </a:cxn>
              <a:cxn ang="0">
                <a:pos x="connsiteX795" y="connsiteY795"/>
              </a:cxn>
              <a:cxn ang="0">
                <a:pos x="connsiteX796" y="connsiteY796"/>
              </a:cxn>
              <a:cxn ang="0">
                <a:pos x="connsiteX797" y="connsiteY797"/>
              </a:cxn>
              <a:cxn ang="0">
                <a:pos x="connsiteX798" y="connsiteY798"/>
              </a:cxn>
              <a:cxn ang="0">
                <a:pos x="connsiteX799" y="connsiteY799"/>
              </a:cxn>
              <a:cxn ang="0">
                <a:pos x="connsiteX800" y="connsiteY800"/>
              </a:cxn>
              <a:cxn ang="0">
                <a:pos x="connsiteX801" y="connsiteY801"/>
              </a:cxn>
              <a:cxn ang="0">
                <a:pos x="connsiteX802" y="connsiteY802"/>
              </a:cxn>
              <a:cxn ang="0">
                <a:pos x="connsiteX803" y="connsiteY803"/>
              </a:cxn>
              <a:cxn ang="0">
                <a:pos x="connsiteX804" y="connsiteY804"/>
              </a:cxn>
              <a:cxn ang="0">
                <a:pos x="connsiteX805" y="connsiteY805"/>
              </a:cxn>
              <a:cxn ang="0">
                <a:pos x="connsiteX806" y="connsiteY806"/>
              </a:cxn>
              <a:cxn ang="0">
                <a:pos x="connsiteX807" y="connsiteY807"/>
              </a:cxn>
              <a:cxn ang="0">
                <a:pos x="connsiteX808" y="connsiteY808"/>
              </a:cxn>
              <a:cxn ang="0">
                <a:pos x="connsiteX809" y="connsiteY809"/>
              </a:cxn>
              <a:cxn ang="0">
                <a:pos x="connsiteX810" y="connsiteY810"/>
              </a:cxn>
              <a:cxn ang="0">
                <a:pos x="connsiteX811" y="connsiteY811"/>
              </a:cxn>
              <a:cxn ang="0">
                <a:pos x="connsiteX812" y="connsiteY812"/>
              </a:cxn>
              <a:cxn ang="0">
                <a:pos x="connsiteX813" y="connsiteY813"/>
              </a:cxn>
              <a:cxn ang="0">
                <a:pos x="connsiteX814" y="connsiteY814"/>
              </a:cxn>
              <a:cxn ang="0">
                <a:pos x="connsiteX815" y="connsiteY815"/>
              </a:cxn>
              <a:cxn ang="0">
                <a:pos x="connsiteX816" y="connsiteY816"/>
              </a:cxn>
              <a:cxn ang="0">
                <a:pos x="connsiteX817" y="connsiteY817"/>
              </a:cxn>
              <a:cxn ang="0">
                <a:pos x="connsiteX818" y="connsiteY818"/>
              </a:cxn>
              <a:cxn ang="0">
                <a:pos x="connsiteX819" y="connsiteY819"/>
              </a:cxn>
              <a:cxn ang="0">
                <a:pos x="connsiteX820" y="connsiteY820"/>
              </a:cxn>
              <a:cxn ang="0">
                <a:pos x="connsiteX821" y="connsiteY821"/>
              </a:cxn>
              <a:cxn ang="0">
                <a:pos x="connsiteX822" y="connsiteY822"/>
              </a:cxn>
              <a:cxn ang="0">
                <a:pos x="connsiteX823" y="connsiteY823"/>
              </a:cxn>
              <a:cxn ang="0">
                <a:pos x="connsiteX824" y="connsiteY824"/>
              </a:cxn>
              <a:cxn ang="0">
                <a:pos x="connsiteX825" y="connsiteY825"/>
              </a:cxn>
              <a:cxn ang="0">
                <a:pos x="connsiteX826" y="connsiteY826"/>
              </a:cxn>
              <a:cxn ang="0">
                <a:pos x="connsiteX827" y="connsiteY827"/>
              </a:cxn>
              <a:cxn ang="0">
                <a:pos x="connsiteX828" y="connsiteY828"/>
              </a:cxn>
              <a:cxn ang="0">
                <a:pos x="connsiteX829" y="connsiteY829"/>
              </a:cxn>
              <a:cxn ang="0">
                <a:pos x="connsiteX830" y="connsiteY830"/>
              </a:cxn>
              <a:cxn ang="0">
                <a:pos x="connsiteX831" y="connsiteY831"/>
              </a:cxn>
              <a:cxn ang="0">
                <a:pos x="connsiteX832" y="connsiteY832"/>
              </a:cxn>
              <a:cxn ang="0">
                <a:pos x="connsiteX833" y="connsiteY833"/>
              </a:cxn>
              <a:cxn ang="0">
                <a:pos x="connsiteX834" y="connsiteY834"/>
              </a:cxn>
              <a:cxn ang="0">
                <a:pos x="connsiteX835" y="connsiteY835"/>
              </a:cxn>
              <a:cxn ang="0">
                <a:pos x="connsiteX836" y="connsiteY836"/>
              </a:cxn>
              <a:cxn ang="0">
                <a:pos x="connsiteX837" y="connsiteY837"/>
              </a:cxn>
              <a:cxn ang="0">
                <a:pos x="connsiteX838" y="connsiteY838"/>
              </a:cxn>
              <a:cxn ang="0">
                <a:pos x="connsiteX839" y="connsiteY839"/>
              </a:cxn>
              <a:cxn ang="0">
                <a:pos x="connsiteX840" y="connsiteY840"/>
              </a:cxn>
              <a:cxn ang="0">
                <a:pos x="connsiteX841" y="connsiteY841"/>
              </a:cxn>
              <a:cxn ang="0">
                <a:pos x="connsiteX842" y="connsiteY842"/>
              </a:cxn>
              <a:cxn ang="0">
                <a:pos x="connsiteX843" y="connsiteY843"/>
              </a:cxn>
              <a:cxn ang="0">
                <a:pos x="connsiteX844" y="connsiteY844"/>
              </a:cxn>
              <a:cxn ang="0">
                <a:pos x="connsiteX845" y="connsiteY845"/>
              </a:cxn>
              <a:cxn ang="0">
                <a:pos x="connsiteX846" y="connsiteY846"/>
              </a:cxn>
              <a:cxn ang="0">
                <a:pos x="connsiteX847" y="connsiteY847"/>
              </a:cxn>
              <a:cxn ang="0">
                <a:pos x="connsiteX848" y="connsiteY848"/>
              </a:cxn>
              <a:cxn ang="0">
                <a:pos x="connsiteX849" y="connsiteY849"/>
              </a:cxn>
              <a:cxn ang="0">
                <a:pos x="connsiteX850" y="connsiteY850"/>
              </a:cxn>
              <a:cxn ang="0">
                <a:pos x="connsiteX851" y="connsiteY851"/>
              </a:cxn>
              <a:cxn ang="0">
                <a:pos x="connsiteX852" y="connsiteY852"/>
              </a:cxn>
              <a:cxn ang="0">
                <a:pos x="connsiteX853" y="connsiteY853"/>
              </a:cxn>
              <a:cxn ang="0">
                <a:pos x="connsiteX854" y="connsiteY854"/>
              </a:cxn>
              <a:cxn ang="0">
                <a:pos x="connsiteX855" y="connsiteY855"/>
              </a:cxn>
              <a:cxn ang="0">
                <a:pos x="connsiteX856" y="connsiteY856"/>
              </a:cxn>
              <a:cxn ang="0">
                <a:pos x="connsiteX857" y="connsiteY857"/>
              </a:cxn>
              <a:cxn ang="0">
                <a:pos x="connsiteX858" y="connsiteY858"/>
              </a:cxn>
              <a:cxn ang="0">
                <a:pos x="connsiteX859" y="connsiteY859"/>
              </a:cxn>
              <a:cxn ang="0">
                <a:pos x="connsiteX860" y="connsiteY860"/>
              </a:cxn>
              <a:cxn ang="0">
                <a:pos x="connsiteX861" y="connsiteY861"/>
              </a:cxn>
              <a:cxn ang="0">
                <a:pos x="connsiteX862" y="connsiteY862"/>
              </a:cxn>
              <a:cxn ang="0">
                <a:pos x="connsiteX863" y="connsiteY863"/>
              </a:cxn>
              <a:cxn ang="0">
                <a:pos x="connsiteX864" y="connsiteY864"/>
              </a:cxn>
              <a:cxn ang="0">
                <a:pos x="connsiteX865" y="connsiteY865"/>
              </a:cxn>
              <a:cxn ang="0">
                <a:pos x="connsiteX866" y="connsiteY866"/>
              </a:cxn>
              <a:cxn ang="0">
                <a:pos x="connsiteX867" y="connsiteY867"/>
              </a:cxn>
              <a:cxn ang="0">
                <a:pos x="connsiteX868" y="connsiteY868"/>
              </a:cxn>
              <a:cxn ang="0">
                <a:pos x="connsiteX869" y="connsiteY869"/>
              </a:cxn>
              <a:cxn ang="0">
                <a:pos x="connsiteX870" y="connsiteY870"/>
              </a:cxn>
              <a:cxn ang="0">
                <a:pos x="connsiteX871" y="connsiteY871"/>
              </a:cxn>
              <a:cxn ang="0">
                <a:pos x="connsiteX872" y="connsiteY872"/>
              </a:cxn>
              <a:cxn ang="0">
                <a:pos x="connsiteX873" y="connsiteY873"/>
              </a:cxn>
              <a:cxn ang="0">
                <a:pos x="connsiteX874" y="connsiteY874"/>
              </a:cxn>
              <a:cxn ang="0">
                <a:pos x="connsiteX875" y="connsiteY875"/>
              </a:cxn>
              <a:cxn ang="0">
                <a:pos x="connsiteX876" y="connsiteY876"/>
              </a:cxn>
              <a:cxn ang="0">
                <a:pos x="connsiteX877" y="connsiteY877"/>
              </a:cxn>
              <a:cxn ang="0">
                <a:pos x="connsiteX878" y="connsiteY878"/>
              </a:cxn>
              <a:cxn ang="0">
                <a:pos x="connsiteX879" y="connsiteY879"/>
              </a:cxn>
              <a:cxn ang="0">
                <a:pos x="connsiteX880" y="connsiteY880"/>
              </a:cxn>
              <a:cxn ang="0">
                <a:pos x="connsiteX881" y="connsiteY881"/>
              </a:cxn>
              <a:cxn ang="0">
                <a:pos x="connsiteX882" y="connsiteY882"/>
              </a:cxn>
              <a:cxn ang="0">
                <a:pos x="connsiteX883" y="connsiteY883"/>
              </a:cxn>
              <a:cxn ang="0">
                <a:pos x="connsiteX884" y="connsiteY884"/>
              </a:cxn>
              <a:cxn ang="0">
                <a:pos x="connsiteX885" y="connsiteY885"/>
              </a:cxn>
              <a:cxn ang="0">
                <a:pos x="connsiteX886" y="connsiteY886"/>
              </a:cxn>
              <a:cxn ang="0">
                <a:pos x="connsiteX887" y="connsiteY887"/>
              </a:cxn>
              <a:cxn ang="0">
                <a:pos x="connsiteX888" y="connsiteY888"/>
              </a:cxn>
              <a:cxn ang="0">
                <a:pos x="connsiteX889" y="connsiteY889"/>
              </a:cxn>
              <a:cxn ang="0">
                <a:pos x="connsiteX890" y="connsiteY890"/>
              </a:cxn>
              <a:cxn ang="0">
                <a:pos x="connsiteX891" y="connsiteY891"/>
              </a:cxn>
              <a:cxn ang="0">
                <a:pos x="connsiteX892" y="connsiteY892"/>
              </a:cxn>
              <a:cxn ang="0">
                <a:pos x="connsiteX893" y="connsiteY893"/>
              </a:cxn>
              <a:cxn ang="0">
                <a:pos x="connsiteX894" y="connsiteY894"/>
              </a:cxn>
              <a:cxn ang="0">
                <a:pos x="connsiteX895" y="connsiteY895"/>
              </a:cxn>
              <a:cxn ang="0">
                <a:pos x="connsiteX896" y="connsiteY896"/>
              </a:cxn>
              <a:cxn ang="0">
                <a:pos x="connsiteX897" y="connsiteY897"/>
              </a:cxn>
              <a:cxn ang="0">
                <a:pos x="connsiteX898" y="connsiteY898"/>
              </a:cxn>
              <a:cxn ang="0">
                <a:pos x="connsiteX899" y="connsiteY899"/>
              </a:cxn>
              <a:cxn ang="0">
                <a:pos x="connsiteX900" y="connsiteY900"/>
              </a:cxn>
              <a:cxn ang="0">
                <a:pos x="connsiteX901" y="connsiteY901"/>
              </a:cxn>
              <a:cxn ang="0">
                <a:pos x="connsiteX902" y="connsiteY902"/>
              </a:cxn>
              <a:cxn ang="0">
                <a:pos x="connsiteX903" y="connsiteY903"/>
              </a:cxn>
              <a:cxn ang="0">
                <a:pos x="connsiteX904" y="connsiteY904"/>
              </a:cxn>
              <a:cxn ang="0">
                <a:pos x="connsiteX905" y="connsiteY905"/>
              </a:cxn>
              <a:cxn ang="0">
                <a:pos x="connsiteX906" y="connsiteY906"/>
              </a:cxn>
              <a:cxn ang="0">
                <a:pos x="connsiteX907" y="connsiteY907"/>
              </a:cxn>
              <a:cxn ang="0">
                <a:pos x="connsiteX908" y="connsiteY908"/>
              </a:cxn>
              <a:cxn ang="0">
                <a:pos x="connsiteX909" y="connsiteY909"/>
              </a:cxn>
              <a:cxn ang="0">
                <a:pos x="connsiteX910" y="connsiteY910"/>
              </a:cxn>
              <a:cxn ang="0">
                <a:pos x="connsiteX911" y="connsiteY911"/>
              </a:cxn>
              <a:cxn ang="0">
                <a:pos x="connsiteX912" y="connsiteY912"/>
              </a:cxn>
              <a:cxn ang="0">
                <a:pos x="connsiteX913" y="connsiteY913"/>
              </a:cxn>
              <a:cxn ang="0">
                <a:pos x="connsiteX914" y="connsiteY914"/>
              </a:cxn>
              <a:cxn ang="0">
                <a:pos x="connsiteX915" y="connsiteY915"/>
              </a:cxn>
              <a:cxn ang="0">
                <a:pos x="connsiteX916" y="connsiteY916"/>
              </a:cxn>
              <a:cxn ang="0">
                <a:pos x="connsiteX917" y="connsiteY917"/>
              </a:cxn>
              <a:cxn ang="0">
                <a:pos x="connsiteX918" y="connsiteY918"/>
              </a:cxn>
              <a:cxn ang="0">
                <a:pos x="connsiteX919" y="connsiteY919"/>
              </a:cxn>
              <a:cxn ang="0">
                <a:pos x="connsiteX920" y="connsiteY920"/>
              </a:cxn>
              <a:cxn ang="0">
                <a:pos x="connsiteX921" y="connsiteY921"/>
              </a:cxn>
              <a:cxn ang="0">
                <a:pos x="connsiteX922" y="connsiteY922"/>
              </a:cxn>
              <a:cxn ang="0">
                <a:pos x="connsiteX923" y="connsiteY923"/>
              </a:cxn>
              <a:cxn ang="0">
                <a:pos x="connsiteX924" y="connsiteY924"/>
              </a:cxn>
              <a:cxn ang="0">
                <a:pos x="connsiteX925" y="connsiteY925"/>
              </a:cxn>
              <a:cxn ang="0">
                <a:pos x="connsiteX926" y="connsiteY926"/>
              </a:cxn>
              <a:cxn ang="0">
                <a:pos x="connsiteX927" y="connsiteY927"/>
              </a:cxn>
              <a:cxn ang="0">
                <a:pos x="connsiteX928" y="connsiteY928"/>
              </a:cxn>
              <a:cxn ang="0">
                <a:pos x="connsiteX929" y="connsiteY929"/>
              </a:cxn>
              <a:cxn ang="0">
                <a:pos x="connsiteX930" y="connsiteY930"/>
              </a:cxn>
              <a:cxn ang="0">
                <a:pos x="connsiteX931" y="connsiteY931"/>
              </a:cxn>
              <a:cxn ang="0">
                <a:pos x="connsiteX932" y="connsiteY932"/>
              </a:cxn>
              <a:cxn ang="0">
                <a:pos x="connsiteX933" y="connsiteY933"/>
              </a:cxn>
              <a:cxn ang="0">
                <a:pos x="connsiteX934" y="connsiteY934"/>
              </a:cxn>
              <a:cxn ang="0">
                <a:pos x="connsiteX935" y="connsiteY935"/>
              </a:cxn>
              <a:cxn ang="0">
                <a:pos x="connsiteX936" y="connsiteY936"/>
              </a:cxn>
              <a:cxn ang="0">
                <a:pos x="connsiteX937" y="connsiteY937"/>
              </a:cxn>
              <a:cxn ang="0">
                <a:pos x="connsiteX938" y="connsiteY938"/>
              </a:cxn>
              <a:cxn ang="0">
                <a:pos x="connsiteX939" y="connsiteY939"/>
              </a:cxn>
              <a:cxn ang="0">
                <a:pos x="connsiteX940" y="connsiteY940"/>
              </a:cxn>
              <a:cxn ang="0">
                <a:pos x="connsiteX941" y="connsiteY941"/>
              </a:cxn>
              <a:cxn ang="0">
                <a:pos x="connsiteX942" y="connsiteY942"/>
              </a:cxn>
              <a:cxn ang="0">
                <a:pos x="connsiteX943" y="connsiteY943"/>
              </a:cxn>
              <a:cxn ang="0">
                <a:pos x="connsiteX944" y="connsiteY944"/>
              </a:cxn>
              <a:cxn ang="0">
                <a:pos x="connsiteX945" y="connsiteY945"/>
              </a:cxn>
              <a:cxn ang="0">
                <a:pos x="connsiteX946" y="connsiteY946"/>
              </a:cxn>
              <a:cxn ang="0">
                <a:pos x="connsiteX947" y="connsiteY947"/>
              </a:cxn>
              <a:cxn ang="0">
                <a:pos x="connsiteX948" y="connsiteY948"/>
              </a:cxn>
              <a:cxn ang="0">
                <a:pos x="connsiteX949" y="connsiteY949"/>
              </a:cxn>
              <a:cxn ang="0">
                <a:pos x="connsiteX950" y="connsiteY950"/>
              </a:cxn>
              <a:cxn ang="0">
                <a:pos x="connsiteX951" y="connsiteY951"/>
              </a:cxn>
              <a:cxn ang="0">
                <a:pos x="connsiteX952" y="connsiteY952"/>
              </a:cxn>
              <a:cxn ang="0">
                <a:pos x="connsiteX953" y="connsiteY953"/>
              </a:cxn>
              <a:cxn ang="0">
                <a:pos x="connsiteX954" y="connsiteY954"/>
              </a:cxn>
              <a:cxn ang="0">
                <a:pos x="connsiteX955" y="connsiteY955"/>
              </a:cxn>
              <a:cxn ang="0">
                <a:pos x="connsiteX956" y="connsiteY956"/>
              </a:cxn>
              <a:cxn ang="0">
                <a:pos x="connsiteX957" y="connsiteY957"/>
              </a:cxn>
              <a:cxn ang="0">
                <a:pos x="connsiteX958" y="connsiteY958"/>
              </a:cxn>
              <a:cxn ang="0">
                <a:pos x="connsiteX959" y="connsiteY959"/>
              </a:cxn>
              <a:cxn ang="0">
                <a:pos x="connsiteX960" y="connsiteY960"/>
              </a:cxn>
              <a:cxn ang="0">
                <a:pos x="connsiteX961" y="connsiteY961"/>
              </a:cxn>
              <a:cxn ang="0">
                <a:pos x="connsiteX962" y="connsiteY962"/>
              </a:cxn>
              <a:cxn ang="0">
                <a:pos x="connsiteX963" y="connsiteY963"/>
              </a:cxn>
              <a:cxn ang="0">
                <a:pos x="connsiteX964" y="connsiteY964"/>
              </a:cxn>
              <a:cxn ang="0">
                <a:pos x="connsiteX965" y="connsiteY965"/>
              </a:cxn>
              <a:cxn ang="0">
                <a:pos x="connsiteX966" y="connsiteY966"/>
              </a:cxn>
              <a:cxn ang="0">
                <a:pos x="connsiteX967" y="connsiteY967"/>
              </a:cxn>
              <a:cxn ang="0">
                <a:pos x="connsiteX968" y="connsiteY968"/>
              </a:cxn>
              <a:cxn ang="0">
                <a:pos x="connsiteX969" y="connsiteY969"/>
              </a:cxn>
              <a:cxn ang="0">
                <a:pos x="connsiteX970" y="connsiteY970"/>
              </a:cxn>
              <a:cxn ang="0">
                <a:pos x="connsiteX971" y="connsiteY971"/>
              </a:cxn>
              <a:cxn ang="0">
                <a:pos x="connsiteX972" y="connsiteY972"/>
              </a:cxn>
              <a:cxn ang="0">
                <a:pos x="connsiteX973" y="connsiteY973"/>
              </a:cxn>
              <a:cxn ang="0">
                <a:pos x="connsiteX974" y="connsiteY974"/>
              </a:cxn>
              <a:cxn ang="0">
                <a:pos x="connsiteX975" y="connsiteY975"/>
              </a:cxn>
              <a:cxn ang="0">
                <a:pos x="connsiteX976" y="connsiteY976"/>
              </a:cxn>
              <a:cxn ang="0">
                <a:pos x="connsiteX977" y="connsiteY977"/>
              </a:cxn>
              <a:cxn ang="0">
                <a:pos x="connsiteX978" y="connsiteY978"/>
              </a:cxn>
              <a:cxn ang="0">
                <a:pos x="connsiteX979" y="connsiteY979"/>
              </a:cxn>
              <a:cxn ang="0">
                <a:pos x="connsiteX980" y="connsiteY980"/>
              </a:cxn>
              <a:cxn ang="0">
                <a:pos x="connsiteX981" y="connsiteY981"/>
              </a:cxn>
              <a:cxn ang="0">
                <a:pos x="connsiteX982" y="connsiteY982"/>
              </a:cxn>
              <a:cxn ang="0">
                <a:pos x="connsiteX983" y="connsiteY983"/>
              </a:cxn>
              <a:cxn ang="0">
                <a:pos x="connsiteX984" y="connsiteY984"/>
              </a:cxn>
              <a:cxn ang="0">
                <a:pos x="connsiteX985" y="connsiteY985"/>
              </a:cxn>
              <a:cxn ang="0">
                <a:pos x="connsiteX986" y="connsiteY986"/>
              </a:cxn>
              <a:cxn ang="0">
                <a:pos x="connsiteX987" y="connsiteY987"/>
              </a:cxn>
              <a:cxn ang="0">
                <a:pos x="connsiteX988" y="connsiteY988"/>
              </a:cxn>
              <a:cxn ang="0">
                <a:pos x="connsiteX989" y="connsiteY989"/>
              </a:cxn>
              <a:cxn ang="0">
                <a:pos x="connsiteX990" y="connsiteY990"/>
              </a:cxn>
              <a:cxn ang="0">
                <a:pos x="connsiteX991" y="connsiteY991"/>
              </a:cxn>
              <a:cxn ang="0">
                <a:pos x="connsiteX992" y="connsiteY992"/>
              </a:cxn>
              <a:cxn ang="0">
                <a:pos x="connsiteX993" y="connsiteY993"/>
              </a:cxn>
              <a:cxn ang="0">
                <a:pos x="connsiteX994" y="connsiteY994"/>
              </a:cxn>
              <a:cxn ang="0">
                <a:pos x="connsiteX995" y="connsiteY995"/>
              </a:cxn>
              <a:cxn ang="0">
                <a:pos x="connsiteX996" y="connsiteY996"/>
              </a:cxn>
              <a:cxn ang="0">
                <a:pos x="connsiteX997" y="connsiteY997"/>
              </a:cxn>
              <a:cxn ang="0">
                <a:pos x="connsiteX998" y="connsiteY998"/>
              </a:cxn>
              <a:cxn ang="0">
                <a:pos x="connsiteX999" y="connsiteY999"/>
              </a:cxn>
              <a:cxn ang="0">
                <a:pos x="connsiteX1000" y="connsiteY1000"/>
              </a:cxn>
              <a:cxn ang="0">
                <a:pos x="connsiteX1001" y="connsiteY1001"/>
              </a:cxn>
              <a:cxn ang="0">
                <a:pos x="connsiteX1002" y="connsiteY1002"/>
              </a:cxn>
              <a:cxn ang="0">
                <a:pos x="connsiteX1003" y="connsiteY1003"/>
              </a:cxn>
              <a:cxn ang="0">
                <a:pos x="connsiteX1004" y="connsiteY1004"/>
              </a:cxn>
              <a:cxn ang="0">
                <a:pos x="connsiteX1005" y="connsiteY1005"/>
              </a:cxn>
              <a:cxn ang="0">
                <a:pos x="connsiteX1006" y="connsiteY1006"/>
              </a:cxn>
              <a:cxn ang="0">
                <a:pos x="connsiteX1007" y="connsiteY1007"/>
              </a:cxn>
              <a:cxn ang="0">
                <a:pos x="connsiteX1008" y="connsiteY1008"/>
              </a:cxn>
              <a:cxn ang="0">
                <a:pos x="connsiteX1009" y="connsiteY1009"/>
              </a:cxn>
              <a:cxn ang="0">
                <a:pos x="connsiteX1010" y="connsiteY1010"/>
              </a:cxn>
              <a:cxn ang="0">
                <a:pos x="connsiteX1011" y="connsiteY1011"/>
              </a:cxn>
              <a:cxn ang="0">
                <a:pos x="connsiteX1012" y="connsiteY1012"/>
              </a:cxn>
              <a:cxn ang="0">
                <a:pos x="connsiteX1013" y="connsiteY1013"/>
              </a:cxn>
              <a:cxn ang="0">
                <a:pos x="connsiteX1014" y="connsiteY1014"/>
              </a:cxn>
              <a:cxn ang="0">
                <a:pos x="connsiteX1015" y="connsiteY1015"/>
              </a:cxn>
              <a:cxn ang="0">
                <a:pos x="connsiteX1016" y="connsiteY1016"/>
              </a:cxn>
              <a:cxn ang="0">
                <a:pos x="connsiteX1017" y="connsiteY1017"/>
              </a:cxn>
              <a:cxn ang="0">
                <a:pos x="connsiteX1018" y="connsiteY1018"/>
              </a:cxn>
              <a:cxn ang="0">
                <a:pos x="connsiteX1019" y="connsiteY1019"/>
              </a:cxn>
              <a:cxn ang="0">
                <a:pos x="connsiteX1020" y="connsiteY1020"/>
              </a:cxn>
              <a:cxn ang="0">
                <a:pos x="connsiteX1021" y="connsiteY1021"/>
              </a:cxn>
              <a:cxn ang="0">
                <a:pos x="connsiteX1022" y="connsiteY1022"/>
              </a:cxn>
              <a:cxn ang="0">
                <a:pos x="connsiteX1023" y="connsiteY1023"/>
              </a:cxn>
              <a:cxn ang="0">
                <a:pos x="connsiteX1024" y="connsiteY1024"/>
              </a:cxn>
              <a:cxn ang="0">
                <a:pos x="connsiteX1025" y="connsiteY1025"/>
              </a:cxn>
              <a:cxn ang="0">
                <a:pos x="connsiteX1026" y="connsiteY1026"/>
              </a:cxn>
              <a:cxn ang="0">
                <a:pos x="connsiteX1027" y="connsiteY1027"/>
              </a:cxn>
              <a:cxn ang="0">
                <a:pos x="connsiteX1028" y="connsiteY1028"/>
              </a:cxn>
              <a:cxn ang="0">
                <a:pos x="connsiteX1029" y="connsiteY1029"/>
              </a:cxn>
              <a:cxn ang="0">
                <a:pos x="connsiteX1030" y="connsiteY1030"/>
              </a:cxn>
              <a:cxn ang="0">
                <a:pos x="connsiteX1031" y="connsiteY1031"/>
              </a:cxn>
              <a:cxn ang="0">
                <a:pos x="connsiteX1032" y="connsiteY1032"/>
              </a:cxn>
              <a:cxn ang="0">
                <a:pos x="connsiteX1033" y="connsiteY1033"/>
              </a:cxn>
              <a:cxn ang="0">
                <a:pos x="connsiteX1034" y="connsiteY1034"/>
              </a:cxn>
              <a:cxn ang="0">
                <a:pos x="connsiteX1035" y="connsiteY1035"/>
              </a:cxn>
              <a:cxn ang="0">
                <a:pos x="connsiteX1036" y="connsiteY1036"/>
              </a:cxn>
              <a:cxn ang="0">
                <a:pos x="connsiteX1037" y="connsiteY1037"/>
              </a:cxn>
              <a:cxn ang="0">
                <a:pos x="connsiteX1038" y="connsiteY1038"/>
              </a:cxn>
              <a:cxn ang="0">
                <a:pos x="connsiteX1039" y="connsiteY1039"/>
              </a:cxn>
              <a:cxn ang="0">
                <a:pos x="connsiteX1040" y="connsiteY1040"/>
              </a:cxn>
              <a:cxn ang="0">
                <a:pos x="connsiteX1041" y="connsiteY1041"/>
              </a:cxn>
              <a:cxn ang="0">
                <a:pos x="connsiteX1042" y="connsiteY1042"/>
              </a:cxn>
              <a:cxn ang="0">
                <a:pos x="connsiteX1043" y="connsiteY1043"/>
              </a:cxn>
              <a:cxn ang="0">
                <a:pos x="connsiteX1044" y="connsiteY1044"/>
              </a:cxn>
              <a:cxn ang="0">
                <a:pos x="connsiteX1045" y="connsiteY1045"/>
              </a:cxn>
              <a:cxn ang="0">
                <a:pos x="connsiteX1046" y="connsiteY1046"/>
              </a:cxn>
              <a:cxn ang="0">
                <a:pos x="connsiteX1047" y="connsiteY1047"/>
              </a:cxn>
              <a:cxn ang="0">
                <a:pos x="connsiteX1048" y="connsiteY1048"/>
              </a:cxn>
              <a:cxn ang="0">
                <a:pos x="connsiteX1049" y="connsiteY1049"/>
              </a:cxn>
              <a:cxn ang="0">
                <a:pos x="connsiteX1050" y="connsiteY1050"/>
              </a:cxn>
              <a:cxn ang="0">
                <a:pos x="connsiteX1051" y="connsiteY1051"/>
              </a:cxn>
              <a:cxn ang="0">
                <a:pos x="connsiteX1052" y="connsiteY1052"/>
              </a:cxn>
              <a:cxn ang="0">
                <a:pos x="connsiteX1053" y="connsiteY1053"/>
              </a:cxn>
              <a:cxn ang="0">
                <a:pos x="connsiteX1054" y="connsiteY1054"/>
              </a:cxn>
              <a:cxn ang="0">
                <a:pos x="connsiteX1055" y="connsiteY1055"/>
              </a:cxn>
              <a:cxn ang="0">
                <a:pos x="connsiteX1056" y="connsiteY1056"/>
              </a:cxn>
              <a:cxn ang="0">
                <a:pos x="connsiteX1057" y="connsiteY1057"/>
              </a:cxn>
              <a:cxn ang="0">
                <a:pos x="connsiteX1058" y="connsiteY1058"/>
              </a:cxn>
              <a:cxn ang="0">
                <a:pos x="connsiteX1059" y="connsiteY1059"/>
              </a:cxn>
              <a:cxn ang="0">
                <a:pos x="connsiteX1060" y="connsiteY1060"/>
              </a:cxn>
              <a:cxn ang="0">
                <a:pos x="connsiteX1061" y="connsiteY1061"/>
              </a:cxn>
              <a:cxn ang="0">
                <a:pos x="connsiteX1062" y="connsiteY1062"/>
              </a:cxn>
              <a:cxn ang="0">
                <a:pos x="connsiteX1063" y="connsiteY1063"/>
              </a:cxn>
              <a:cxn ang="0">
                <a:pos x="connsiteX1064" y="connsiteY1064"/>
              </a:cxn>
              <a:cxn ang="0">
                <a:pos x="connsiteX1065" y="connsiteY1065"/>
              </a:cxn>
              <a:cxn ang="0">
                <a:pos x="connsiteX1066" y="connsiteY1066"/>
              </a:cxn>
              <a:cxn ang="0">
                <a:pos x="connsiteX1067" y="connsiteY1067"/>
              </a:cxn>
              <a:cxn ang="0">
                <a:pos x="connsiteX1068" y="connsiteY1068"/>
              </a:cxn>
              <a:cxn ang="0">
                <a:pos x="connsiteX1069" y="connsiteY1069"/>
              </a:cxn>
              <a:cxn ang="0">
                <a:pos x="connsiteX1070" y="connsiteY1070"/>
              </a:cxn>
              <a:cxn ang="0">
                <a:pos x="connsiteX1071" y="connsiteY1071"/>
              </a:cxn>
              <a:cxn ang="0">
                <a:pos x="connsiteX1072" y="connsiteY1072"/>
              </a:cxn>
              <a:cxn ang="0">
                <a:pos x="connsiteX1073" y="connsiteY1073"/>
              </a:cxn>
              <a:cxn ang="0">
                <a:pos x="connsiteX1074" y="connsiteY1074"/>
              </a:cxn>
              <a:cxn ang="0">
                <a:pos x="connsiteX1075" y="connsiteY1075"/>
              </a:cxn>
              <a:cxn ang="0">
                <a:pos x="connsiteX1076" y="connsiteY1076"/>
              </a:cxn>
              <a:cxn ang="0">
                <a:pos x="connsiteX1077" y="connsiteY1077"/>
              </a:cxn>
              <a:cxn ang="0">
                <a:pos x="connsiteX1078" y="connsiteY1078"/>
              </a:cxn>
              <a:cxn ang="0">
                <a:pos x="connsiteX1079" y="connsiteY1079"/>
              </a:cxn>
              <a:cxn ang="0">
                <a:pos x="connsiteX1080" y="connsiteY1080"/>
              </a:cxn>
              <a:cxn ang="0">
                <a:pos x="connsiteX1081" y="connsiteY1081"/>
              </a:cxn>
              <a:cxn ang="0">
                <a:pos x="connsiteX1082" y="connsiteY1082"/>
              </a:cxn>
              <a:cxn ang="0">
                <a:pos x="connsiteX1083" y="connsiteY1083"/>
              </a:cxn>
              <a:cxn ang="0">
                <a:pos x="connsiteX1084" y="connsiteY1084"/>
              </a:cxn>
              <a:cxn ang="0">
                <a:pos x="connsiteX1085" y="connsiteY1085"/>
              </a:cxn>
              <a:cxn ang="0">
                <a:pos x="connsiteX1086" y="connsiteY1086"/>
              </a:cxn>
              <a:cxn ang="0">
                <a:pos x="connsiteX1087" y="connsiteY1087"/>
              </a:cxn>
              <a:cxn ang="0">
                <a:pos x="connsiteX1088" y="connsiteY1088"/>
              </a:cxn>
              <a:cxn ang="0">
                <a:pos x="connsiteX1089" y="connsiteY1089"/>
              </a:cxn>
              <a:cxn ang="0">
                <a:pos x="connsiteX1090" y="connsiteY1090"/>
              </a:cxn>
              <a:cxn ang="0">
                <a:pos x="connsiteX1091" y="connsiteY1091"/>
              </a:cxn>
              <a:cxn ang="0">
                <a:pos x="connsiteX1092" y="connsiteY1092"/>
              </a:cxn>
              <a:cxn ang="0">
                <a:pos x="connsiteX1093" y="connsiteY1093"/>
              </a:cxn>
              <a:cxn ang="0">
                <a:pos x="connsiteX1094" y="connsiteY1094"/>
              </a:cxn>
              <a:cxn ang="0">
                <a:pos x="connsiteX1095" y="connsiteY1095"/>
              </a:cxn>
              <a:cxn ang="0">
                <a:pos x="connsiteX1096" y="connsiteY1096"/>
              </a:cxn>
              <a:cxn ang="0">
                <a:pos x="connsiteX1097" y="connsiteY1097"/>
              </a:cxn>
              <a:cxn ang="0">
                <a:pos x="connsiteX1098" y="connsiteY1098"/>
              </a:cxn>
              <a:cxn ang="0">
                <a:pos x="connsiteX1099" y="connsiteY1099"/>
              </a:cxn>
              <a:cxn ang="0">
                <a:pos x="connsiteX1100" y="connsiteY1100"/>
              </a:cxn>
              <a:cxn ang="0">
                <a:pos x="connsiteX1101" y="connsiteY1101"/>
              </a:cxn>
              <a:cxn ang="0">
                <a:pos x="connsiteX1102" y="connsiteY1102"/>
              </a:cxn>
              <a:cxn ang="0">
                <a:pos x="connsiteX1103" y="connsiteY1103"/>
              </a:cxn>
            </a:cxnLst>
            <a:rect l="l" t="t" r="r" b="b"/>
            <a:pathLst>
              <a:path w="12191941" h="6857967">
                <a:moveTo>
                  <a:pt x="9042170" y="6474347"/>
                </a:moveTo>
                <a:lnTo>
                  <a:pt x="9042170" y="6545648"/>
                </a:lnTo>
                <a:lnTo>
                  <a:pt x="9113471" y="6545648"/>
                </a:lnTo>
                <a:lnTo>
                  <a:pt x="9113471" y="6474347"/>
                </a:lnTo>
                <a:close/>
                <a:moveTo>
                  <a:pt x="8899568" y="6474347"/>
                </a:moveTo>
                <a:lnTo>
                  <a:pt x="8899568" y="6545648"/>
                </a:lnTo>
                <a:lnTo>
                  <a:pt x="8970869" y="6545648"/>
                </a:lnTo>
                <a:lnTo>
                  <a:pt x="8970869" y="6474347"/>
                </a:lnTo>
                <a:close/>
                <a:moveTo>
                  <a:pt x="8756896" y="6474347"/>
                </a:moveTo>
                <a:lnTo>
                  <a:pt x="8756896" y="6545648"/>
                </a:lnTo>
                <a:lnTo>
                  <a:pt x="8828196" y="6545648"/>
                </a:lnTo>
                <a:lnTo>
                  <a:pt x="8828196" y="6474347"/>
                </a:lnTo>
                <a:close/>
                <a:moveTo>
                  <a:pt x="8614223" y="6474347"/>
                </a:moveTo>
                <a:lnTo>
                  <a:pt x="8614223" y="6545648"/>
                </a:lnTo>
                <a:lnTo>
                  <a:pt x="8685524" y="6545648"/>
                </a:lnTo>
                <a:lnTo>
                  <a:pt x="8685524" y="6474347"/>
                </a:lnTo>
                <a:close/>
                <a:moveTo>
                  <a:pt x="8471622" y="6474347"/>
                </a:moveTo>
                <a:lnTo>
                  <a:pt x="8471622" y="6545648"/>
                </a:lnTo>
                <a:lnTo>
                  <a:pt x="8542923" y="6545648"/>
                </a:lnTo>
                <a:lnTo>
                  <a:pt x="8542923" y="6474347"/>
                </a:lnTo>
                <a:close/>
                <a:moveTo>
                  <a:pt x="8328949" y="6474347"/>
                </a:moveTo>
                <a:lnTo>
                  <a:pt x="8328949" y="6545648"/>
                </a:lnTo>
                <a:lnTo>
                  <a:pt x="8400250" y="6545648"/>
                </a:lnTo>
                <a:lnTo>
                  <a:pt x="8400250" y="6474347"/>
                </a:lnTo>
                <a:close/>
                <a:moveTo>
                  <a:pt x="8186348" y="6474347"/>
                </a:moveTo>
                <a:lnTo>
                  <a:pt x="8186348" y="6545648"/>
                </a:lnTo>
                <a:lnTo>
                  <a:pt x="8257649" y="6545648"/>
                </a:lnTo>
                <a:lnTo>
                  <a:pt x="8257649" y="6474347"/>
                </a:lnTo>
                <a:close/>
                <a:moveTo>
                  <a:pt x="8043675" y="6474347"/>
                </a:moveTo>
                <a:lnTo>
                  <a:pt x="8043675" y="6545648"/>
                </a:lnTo>
                <a:lnTo>
                  <a:pt x="8114976" y="6545648"/>
                </a:lnTo>
                <a:lnTo>
                  <a:pt x="8114976" y="6474347"/>
                </a:lnTo>
                <a:close/>
                <a:moveTo>
                  <a:pt x="7901003" y="6474347"/>
                </a:moveTo>
                <a:lnTo>
                  <a:pt x="7901003" y="6545648"/>
                </a:lnTo>
                <a:lnTo>
                  <a:pt x="7972304" y="6545648"/>
                </a:lnTo>
                <a:lnTo>
                  <a:pt x="7972304" y="6474347"/>
                </a:lnTo>
                <a:close/>
                <a:moveTo>
                  <a:pt x="7758401" y="6474347"/>
                </a:moveTo>
                <a:lnTo>
                  <a:pt x="7758401" y="6545648"/>
                </a:lnTo>
                <a:lnTo>
                  <a:pt x="7829702" y="6545648"/>
                </a:lnTo>
                <a:lnTo>
                  <a:pt x="7829702" y="6474347"/>
                </a:lnTo>
                <a:close/>
                <a:moveTo>
                  <a:pt x="7615728" y="6474347"/>
                </a:moveTo>
                <a:lnTo>
                  <a:pt x="7615728" y="6545648"/>
                </a:lnTo>
                <a:lnTo>
                  <a:pt x="7687029" y="6545648"/>
                </a:lnTo>
                <a:lnTo>
                  <a:pt x="7687029" y="6474347"/>
                </a:lnTo>
                <a:close/>
                <a:moveTo>
                  <a:pt x="7473127" y="6474347"/>
                </a:moveTo>
                <a:lnTo>
                  <a:pt x="7473127" y="6545648"/>
                </a:lnTo>
                <a:lnTo>
                  <a:pt x="7544428" y="6545648"/>
                </a:lnTo>
                <a:lnTo>
                  <a:pt x="7544428" y="6474347"/>
                </a:lnTo>
                <a:close/>
                <a:moveTo>
                  <a:pt x="7330454" y="6474347"/>
                </a:moveTo>
                <a:lnTo>
                  <a:pt x="7330454" y="6545648"/>
                </a:lnTo>
                <a:lnTo>
                  <a:pt x="7401755" y="6545648"/>
                </a:lnTo>
                <a:lnTo>
                  <a:pt x="7401755" y="6474347"/>
                </a:lnTo>
                <a:close/>
                <a:moveTo>
                  <a:pt x="7187853" y="6474347"/>
                </a:moveTo>
                <a:lnTo>
                  <a:pt x="7187853" y="6545648"/>
                </a:lnTo>
                <a:lnTo>
                  <a:pt x="7259154" y="6545648"/>
                </a:lnTo>
                <a:lnTo>
                  <a:pt x="7259154" y="6474347"/>
                </a:lnTo>
                <a:close/>
                <a:moveTo>
                  <a:pt x="7045180" y="6474347"/>
                </a:moveTo>
                <a:lnTo>
                  <a:pt x="7045180" y="6545648"/>
                </a:lnTo>
                <a:lnTo>
                  <a:pt x="7116481" y="6545648"/>
                </a:lnTo>
                <a:lnTo>
                  <a:pt x="7116481" y="6474347"/>
                </a:lnTo>
                <a:close/>
                <a:moveTo>
                  <a:pt x="6902579" y="6474347"/>
                </a:moveTo>
                <a:lnTo>
                  <a:pt x="6902579" y="6545648"/>
                </a:lnTo>
                <a:lnTo>
                  <a:pt x="6973880" y="6545648"/>
                </a:lnTo>
                <a:lnTo>
                  <a:pt x="6973880" y="6474347"/>
                </a:lnTo>
                <a:close/>
                <a:moveTo>
                  <a:pt x="6759906" y="6474347"/>
                </a:moveTo>
                <a:lnTo>
                  <a:pt x="6759906" y="6545648"/>
                </a:lnTo>
                <a:lnTo>
                  <a:pt x="6831207" y="6545648"/>
                </a:lnTo>
                <a:lnTo>
                  <a:pt x="6831207" y="6474347"/>
                </a:lnTo>
                <a:close/>
                <a:moveTo>
                  <a:pt x="6617234" y="6474347"/>
                </a:moveTo>
                <a:lnTo>
                  <a:pt x="6617234" y="6545648"/>
                </a:lnTo>
                <a:lnTo>
                  <a:pt x="6688535" y="6545648"/>
                </a:lnTo>
                <a:lnTo>
                  <a:pt x="6688535" y="6474347"/>
                </a:lnTo>
                <a:close/>
                <a:moveTo>
                  <a:pt x="6474632" y="6474347"/>
                </a:moveTo>
                <a:lnTo>
                  <a:pt x="6474632" y="6545648"/>
                </a:lnTo>
                <a:lnTo>
                  <a:pt x="6545933" y="6545648"/>
                </a:lnTo>
                <a:lnTo>
                  <a:pt x="6545933" y="6474347"/>
                </a:lnTo>
                <a:close/>
                <a:moveTo>
                  <a:pt x="6331959" y="6474347"/>
                </a:moveTo>
                <a:lnTo>
                  <a:pt x="6331959" y="6545648"/>
                </a:lnTo>
                <a:lnTo>
                  <a:pt x="6403260" y="6545648"/>
                </a:lnTo>
                <a:lnTo>
                  <a:pt x="6403260" y="6474347"/>
                </a:lnTo>
                <a:close/>
                <a:moveTo>
                  <a:pt x="6189358" y="6474347"/>
                </a:moveTo>
                <a:lnTo>
                  <a:pt x="6189358" y="6545648"/>
                </a:lnTo>
                <a:lnTo>
                  <a:pt x="6260659" y="6545648"/>
                </a:lnTo>
                <a:lnTo>
                  <a:pt x="6260659" y="6474347"/>
                </a:lnTo>
                <a:close/>
                <a:moveTo>
                  <a:pt x="6046689" y="6474347"/>
                </a:moveTo>
                <a:lnTo>
                  <a:pt x="6046689" y="6545648"/>
                </a:lnTo>
                <a:lnTo>
                  <a:pt x="6117986" y="6545648"/>
                </a:lnTo>
                <a:lnTo>
                  <a:pt x="6117986" y="6474347"/>
                </a:lnTo>
                <a:close/>
                <a:moveTo>
                  <a:pt x="5904022" y="6474347"/>
                </a:moveTo>
                <a:lnTo>
                  <a:pt x="5904022" y="6545648"/>
                </a:lnTo>
                <a:lnTo>
                  <a:pt x="5975319" y="6545648"/>
                </a:lnTo>
                <a:lnTo>
                  <a:pt x="5975319" y="6474347"/>
                </a:lnTo>
                <a:close/>
                <a:moveTo>
                  <a:pt x="5761426" y="6474347"/>
                </a:moveTo>
                <a:lnTo>
                  <a:pt x="5761426" y="6545648"/>
                </a:lnTo>
                <a:lnTo>
                  <a:pt x="5832724" y="6545648"/>
                </a:lnTo>
                <a:lnTo>
                  <a:pt x="5832724" y="6474347"/>
                </a:lnTo>
                <a:close/>
                <a:moveTo>
                  <a:pt x="5618761" y="6474347"/>
                </a:moveTo>
                <a:lnTo>
                  <a:pt x="5618761" y="6545648"/>
                </a:lnTo>
                <a:lnTo>
                  <a:pt x="5690059" y="6545648"/>
                </a:lnTo>
                <a:lnTo>
                  <a:pt x="5690059" y="6474347"/>
                </a:lnTo>
                <a:close/>
                <a:moveTo>
                  <a:pt x="5476167" y="6474347"/>
                </a:moveTo>
                <a:lnTo>
                  <a:pt x="5476167" y="6545648"/>
                </a:lnTo>
                <a:lnTo>
                  <a:pt x="5547463" y="6545648"/>
                </a:lnTo>
                <a:lnTo>
                  <a:pt x="5547463" y="6474347"/>
                </a:lnTo>
                <a:close/>
                <a:moveTo>
                  <a:pt x="5333500" y="6474347"/>
                </a:moveTo>
                <a:lnTo>
                  <a:pt x="5333500" y="6545648"/>
                </a:lnTo>
                <a:lnTo>
                  <a:pt x="5404799" y="6545648"/>
                </a:lnTo>
                <a:lnTo>
                  <a:pt x="5404799" y="6474347"/>
                </a:lnTo>
                <a:close/>
                <a:moveTo>
                  <a:pt x="5190877" y="6474347"/>
                </a:moveTo>
                <a:lnTo>
                  <a:pt x="5190877" y="6545648"/>
                </a:lnTo>
                <a:lnTo>
                  <a:pt x="5262188" y="6545648"/>
                </a:lnTo>
                <a:lnTo>
                  <a:pt x="5262188" y="6474347"/>
                </a:lnTo>
                <a:close/>
                <a:moveTo>
                  <a:pt x="5048236" y="6474347"/>
                </a:moveTo>
                <a:lnTo>
                  <a:pt x="5048236" y="6545648"/>
                </a:lnTo>
                <a:lnTo>
                  <a:pt x="5119527" y="6545648"/>
                </a:lnTo>
                <a:lnTo>
                  <a:pt x="5119527" y="6474347"/>
                </a:lnTo>
                <a:close/>
                <a:moveTo>
                  <a:pt x="4906607" y="6474347"/>
                </a:moveTo>
                <a:lnTo>
                  <a:pt x="4906607" y="6545648"/>
                </a:lnTo>
                <a:lnTo>
                  <a:pt x="4977916" y="6545648"/>
                </a:lnTo>
                <a:lnTo>
                  <a:pt x="4977916" y="6474347"/>
                </a:lnTo>
                <a:close/>
                <a:moveTo>
                  <a:pt x="4764013" y="6474347"/>
                </a:moveTo>
                <a:lnTo>
                  <a:pt x="4764013" y="6545648"/>
                </a:lnTo>
                <a:lnTo>
                  <a:pt x="4835311" y="6545648"/>
                </a:lnTo>
                <a:lnTo>
                  <a:pt x="4835311" y="6474347"/>
                </a:lnTo>
                <a:close/>
                <a:moveTo>
                  <a:pt x="4621341" y="6474347"/>
                </a:moveTo>
                <a:lnTo>
                  <a:pt x="4621341" y="6545648"/>
                </a:lnTo>
                <a:lnTo>
                  <a:pt x="4692639" y="6545648"/>
                </a:lnTo>
                <a:lnTo>
                  <a:pt x="4692639" y="6474347"/>
                </a:lnTo>
                <a:close/>
                <a:moveTo>
                  <a:pt x="4478666" y="6474347"/>
                </a:moveTo>
                <a:lnTo>
                  <a:pt x="4478666" y="6545648"/>
                </a:lnTo>
                <a:lnTo>
                  <a:pt x="4549969" y="6545648"/>
                </a:lnTo>
                <a:lnTo>
                  <a:pt x="4549969" y="6474347"/>
                </a:lnTo>
                <a:close/>
                <a:moveTo>
                  <a:pt x="4336061" y="6474347"/>
                </a:moveTo>
                <a:lnTo>
                  <a:pt x="4336061" y="6545648"/>
                </a:lnTo>
                <a:lnTo>
                  <a:pt x="4407362" y="6545648"/>
                </a:lnTo>
                <a:lnTo>
                  <a:pt x="4407362" y="6474347"/>
                </a:lnTo>
                <a:close/>
                <a:moveTo>
                  <a:pt x="4193412" y="6474347"/>
                </a:moveTo>
                <a:lnTo>
                  <a:pt x="4193412" y="6545648"/>
                </a:lnTo>
                <a:lnTo>
                  <a:pt x="4264695" y="6545648"/>
                </a:lnTo>
                <a:lnTo>
                  <a:pt x="4264695" y="6474347"/>
                </a:lnTo>
                <a:close/>
                <a:moveTo>
                  <a:pt x="4050809" y="6474347"/>
                </a:moveTo>
                <a:lnTo>
                  <a:pt x="4050809" y="6545648"/>
                </a:lnTo>
                <a:lnTo>
                  <a:pt x="4122113" y="6545648"/>
                </a:lnTo>
                <a:lnTo>
                  <a:pt x="4122113" y="6474347"/>
                </a:lnTo>
                <a:close/>
                <a:moveTo>
                  <a:pt x="3908136" y="6474347"/>
                </a:moveTo>
                <a:lnTo>
                  <a:pt x="3908136" y="6545648"/>
                </a:lnTo>
                <a:lnTo>
                  <a:pt x="3979438" y="6545648"/>
                </a:lnTo>
                <a:lnTo>
                  <a:pt x="3979438" y="6474347"/>
                </a:lnTo>
                <a:close/>
                <a:moveTo>
                  <a:pt x="3765462" y="6474347"/>
                </a:moveTo>
                <a:lnTo>
                  <a:pt x="3765462" y="6545648"/>
                </a:lnTo>
                <a:lnTo>
                  <a:pt x="3836763" y="6545648"/>
                </a:lnTo>
                <a:lnTo>
                  <a:pt x="3836763" y="6474347"/>
                </a:lnTo>
                <a:close/>
                <a:moveTo>
                  <a:pt x="3622851" y="6474347"/>
                </a:moveTo>
                <a:lnTo>
                  <a:pt x="3622851" y="6545648"/>
                </a:lnTo>
                <a:lnTo>
                  <a:pt x="3694151" y="6545648"/>
                </a:lnTo>
                <a:lnTo>
                  <a:pt x="3694151" y="6474347"/>
                </a:lnTo>
                <a:close/>
                <a:moveTo>
                  <a:pt x="3480203" y="6474347"/>
                </a:moveTo>
                <a:lnTo>
                  <a:pt x="3480203" y="6545648"/>
                </a:lnTo>
                <a:lnTo>
                  <a:pt x="3551509" y="6545648"/>
                </a:lnTo>
                <a:lnTo>
                  <a:pt x="3551509" y="6474347"/>
                </a:lnTo>
                <a:close/>
                <a:moveTo>
                  <a:pt x="3337579" y="6474347"/>
                </a:moveTo>
                <a:lnTo>
                  <a:pt x="3337579" y="6545648"/>
                </a:lnTo>
                <a:lnTo>
                  <a:pt x="3408880" y="6545648"/>
                </a:lnTo>
                <a:lnTo>
                  <a:pt x="3408880" y="6474347"/>
                </a:lnTo>
                <a:close/>
                <a:moveTo>
                  <a:pt x="3194905" y="6474347"/>
                </a:moveTo>
                <a:lnTo>
                  <a:pt x="3194905" y="6545648"/>
                </a:lnTo>
                <a:lnTo>
                  <a:pt x="3266206" y="6545648"/>
                </a:lnTo>
                <a:lnTo>
                  <a:pt x="3266206" y="6474347"/>
                </a:lnTo>
                <a:close/>
                <a:moveTo>
                  <a:pt x="3052304" y="6474347"/>
                </a:moveTo>
                <a:lnTo>
                  <a:pt x="3052304" y="6545648"/>
                </a:lnTo>
                <a:lnTo>
                  <a:pt x="3123606" y="6545648"/>
                </a:lnTo>
                <a:lnTo>
                  <a:pt x="3123606" y="6474347"/>
                </a:lnTo>
                <a:close/>
                <a:moveTo>
                  <a:pt x="2909633" y="6474347"/>
                </a:moveTo>
                <a:lnTo>
                  <a:pt x="2909633" y="6545648"/>
                </a:lnTo>
                <a:lnTo>
                  <a:pt x="2980934" y="6545648"/>
                </a:lnTo>
                <a:lnTo>
                  <a:pt x="2980934" y="6474347"/>
                </a:lnTo>
                <a:close/>
                <a:moveTo>
                  <a:pt x="2767033" y="6474347"/>
                </a:moveTo>
                <a:lnTo>
                  <a:pt x="2767033" y="6545648"/>
                </a:lnTo>
                <a:lnTo>
                  <a:pt x="2838334" y="6545648"/>
                </a:lnTo>
                <a:lnTo>
                  <a:pt x="2838334" y="6474347"/>
                </a:lnTo>
                <a:close/>
                <a:moveTo>
                  <a:pt x="2624360" y="6474347"/>
                </a:moveTo>
                <a:lnTo>
                  <a:pt x="2624360" y="6545648"/>
                </a:lnTo>
                <a:lnTo>
                  <a:pt x="2695661" y="6545648"/>
                </a:lnTo>
                <a:lnTo>
                  <a:pt x="2695661" y="6474347"/>
                </a:lnTo>
                <a:close/>
                <a:moveTo>
                  <a:pt x="2481690" y="6474347"/>
                </a:moveTo>
                <a:lnTo>
                  <a:pt x="2481690" y="6545648"/>
                </a:lnTo>
                <a:lnTo>
                  <a:pt x="2552990" y="6545648"/>
                </a:lnTo>
                <a:lnTo>
                  <a:pt x="2552990" y="6474347"/>
                </a:lnTo>
                <a:close/>
                <a:moveTo>
                  <a:pt x="2339090" y="6474347"/>
                </a:moveTo>
                <a:lnTo>
                  <a:pt x="2339090" y="6545648"/>
                </a:lnTo>
                <a:lnTo>
                  <a:pt x="2410390" y="6545648"/>
                </a:lnTo>
                <a:lnTo>
                  <a:pt x="2410390" y="6474347"/>
                </a:lnTo>
                <a:close/>
                <a:moveTo>
                  <a:pt x="2196420" y="6474347"/>
                </a:moveTo>
                <a:lnTo>
                  <a:pt x="2196420" y="6545648"/>
                </a:lnTo>
                <a:lnTo>
                  <a:pt x="2267720" y="6545648"/>
                </a:lnTo>
                <a:lnTo>
                  <a:pt x="2267720" y="6474347"/>
                </a:lnTo>
                <a:close/>
                <a:moveTo>
                  <a:pt x="2053813" y="6474347"/>
                </a:moveTo>
                <a:lnTo>
                  <a:pt x="2053813" y="6545648"/>
                </a:lnTo>
                <a:lnTo>
                  <a:pt x="2125117" y="6545648"/>
                </a:lnTo>
                <a:lnTo>
                  <a:pt x="2125117" y="6474347"/>
                </a:lnTo>
                <a:close/>
                <a:moveTo>
                  <a:pt x="1911141" y="6474347"/>
                </a:moveTo>
                <a:lnTo>
                  <a:pt x="1911141" y="6545648"/>
                </a:lnTo>
                <a:lnTo>
                  <a:pt x="1982442" y="6545648"/>
                </a:lnTo>
                <a:lnTo>
                  <a:pt x="1982442" y="6474347"/>
                </a:lnTo>
                <a:close/>
                <a:moveTo>
                  <a:pt x="1768470" y="6474347"/>
                </a:moveTo>
                <a:lnTo>
                  <a:pt x="1768470" y="6545648"/>
                </a:lnTo>
                <a:lnTo>
                  <a:pt x="1839771" y="6545648"/>
                </a:lnTo>
                <a:lnTo>
                  <a:pt x="1839771" y="6474347"/>
                </a:lnTo>
                <a:close/>
                <a:moveTo>
                  <a:pt x="1625870" y="6474347"/>
                </a:moveTo>
                <a:lnTo>
                  <a:pt x="1625870" y="6545648"/>
                </a:lnTo>
                <a:lnTo>
                  <a:pt x="1697170" y="6545648"/>
                </a:lnTo>
                <a:lnTo>
                  <a:pt x="1697170" y="6474347"/>
                </a:lnTo>
                <a:close/>
                <a:moveTo>
                  <a:pt x="1483199" y="6474347"/>
                </a:moveTo>
                <a:lnTo>
                  <a:pt x="1483199" y="6545648"/>
                </a:lnTo>
                <a:lnTo>
                  <a:pt x="1554500" y="6545648"/>
                </a:lnTo>
                <a:lnTo>
                  <a:pt x="1554500" y="6474347"/>
                </a:lnTo>
                <a:close/>
                <a:moveTo>
                  <a:pt x="1340599" y="6474347"/>
                </a:moveTo>
                <a:lnTo>
                  <a:pt x="1340599" y="6545648"/>
                </a:lnTo>
                <a:lnTo>
                  <a:pt x="1411899" y="6545648"/>
                </a:lnTo>
                <a:lnTo>
                  <a:pt x="1411899" y="6474347"/>
                </a:lnTo>
                <a:close/>
                <a:moveTo>
                  <a:pt x="1197929" y="6474347"/>
                </a:moveTo>
                <a:lnTo>
                  <a:pt x="1197929" y="6545648"/>
                </a:lnTo>
                <a:lnTo>
                  <a:pt x="1269230" y="6545648"/>
                </a:lnTo>
                <a:lnTo>
                  <a:pt x="1269230" y="6474347"/>
                </a:lnTo>
                <a:close/>
                <a:moveTo>
                  <a:pt x="1055311" y="6474347"/>
                </a:moveTo>
                <a:lnTo>
                  <a:pt x="1055311" y="6545648"/>
                </a:lnTo>
                <a:lnTo>
                  <a:pt x="1126612" y="6545648"/>
                </a:lnTo>
                <a:lnTo>
                  <a:pt x="1126612" y="6474347"/>
                </a:lnTo>
                <a:close/>
                <a:moveTo>
                  <a:pt x="912657" y="6474347"/>
                </a:moveTo>
                <a:lnTo>
                  <a:pt x="912657" y="6545648"/>
                </a:lnTo>
                <a:lnTo>
                  <a:pt x="983958" y="6545648"/>
                </a:lnTo>
                <a:lnTo>
                  <a:pt x="983958" y="6474347"/>
                </a:lnTo>
                <a:close/>
                <a:moveTo>
                  <a:pt x="771135" y="6474347"/>
                </a:moveTo>
                <a:lnTo>
                  <a:pt x="771135" y="6545648"/>
                </a:lnTo>
                <a:lnTo>
                  <a:pt x="842436" y="6545648"/>
                </a:lnTo>
                <a:lnTo>
                  <a:pt x="842436" y="6474347"/>
                </a:lnTo>
                <a:close/>
                <a:moveTo>
                  <a:pt x="628534" y="6474347"/>
                </a:moveTo>
                <a:lnTo>
                  <a:pt x="628534" y="6545648"/>
                </a:lnTo>
                <a:lnTo>
                  <a:pt x="699835" y="6545648"/>
                </a:lnTo>
                <a:lnTo>
                  <a:pt x="699835" y="6474347"/>
                </a:lnTo>
                <a:close/>
                <a:moveTo>
                  <a:pt x="485863" y="6474347"/>
                </a:moveTo>
                <a:lnTo>
                  <a:pt x="485863" y="6545648"/>
                </a:lnTo>
                <a:lnTo>
                  <a:pt x="557163" y="6545648"/>
                </a:lnTo>
                <a:lnTo>
                  <a:pt x="557163" y="6474347"/>
                </a:lnTo>
                <a:close/>
                <a:moveTo>
                  <a:pt x="343191" y="6474347"/>
                </a:moveTo>
                <a:lnTo>
                  <a:pt x="343191" y="6545648"/>
                </a:lnTo>
                <a:lnTo>
                  <a:pt x="414492" y="6545648"/>
                </a:lnTo>
                <a:lnTo>
                  <a:pt x="414492" y="6474347"/>
                </a:lnTo>
                <a:close/>
                <a:moveTo>
                  <a:pt x="200587" y="6474347"/>
                </a:moveTo>
                <a:lnTo>
                  <a:pt x="200587" y="6545648"/>
                </a:lnTo>
                <a:lnTo>
                  <a:pt x="271888" y="6545648"/>
                </a:lnTo>
                <a:lnTo>
                  <a:pt x="271888" y="6474347"/>
                </a:lnTo>
                <a:close/>
                <a:moveTo>
                  <a:pt x="57918" y="6474347"/>
                </a:moveTo>
                <a:lnTo>
                  <a:pt x="57918" y="6545648"/>
                </a:lnTo>
                <a:lnTo>
                  <a:pt x="129219" y="6545648"/>
                </a:lnTo>
                <a:lnTo>
                  <a:pt x="129219" y="6474347"/>
                </a:lnTo>
                <a:close/>
                <a:moveTo>
                  <a:pt x="10040665" y="6325709"/>
                </a:moveTo>
                <a:lnTo>
                  <a:pt x="10040665" y="6397010"/>
                </a:lnTo>
                <a:lnTo>
                  <a:pt x="10111966" y="6397010"/>
                </a:lnTo>
                <a:lnTo>
                  <a:pt x="10111966" y="6325709"/>
                </a:lnTo>
                <a:close/>
                <a:moveTo>
                  <a:pt x="9898063" y="6325709"/>
                </a:moveTo>
                <a:lnTo>
                  <a:pt x="9898063" y="6397010"/>
                </a:lnTo>
                <a:lnTo>
                  <a:pt x="9969363" y="6397010"/>
                </a:lnTo>
                <a:lnTo>
                  <a:pt x="9969363" y="6325709"/>
                </a:lnTo>
                <a:close/>
                <a:moveTo>
                  <a:pt x="9755391" y="6325709"/>
                </a:moveTo>
                <a:lnTo>
                  <a:pt x="9755391" y="6397010"/>
                </a:lnTo>
                <a:lnTo>
                  <a:pt x="9826692" y="6397010"/>
                </a:lnTo>
                <a:lnTo>
                  <a:pt x="9826692" y="6325709"/>
                </a:lnTo>
                <a:close/>
                <a:moveTo>
                  <a:pt x="9612718" y="6325709"/>
                </a:moveTo>
                <a:lnTo>
                  <a:pt x="9612718" y="6397010"/>
                </a:lnTo>
                <a:lnTo>
                  <a:pt x="9684019" y="6397010"/>
                </a:lnTo>
                <a:lnTo>
                  <a:pt x="9684019" y="6325709"/>
                </a:lnTo>
                <a:close/>
                <a:moveTo>
                  <a:pt x="9470117" y="6325709"/>
                </a:moveTo>
                <a:lnTo>
                  <a:pt x="9470117" y="6397010"/>
                </a:lnTo>
                <a:lnTo>
                  <a:pt x="9541417" y="6397010"/>
                </a:lnTo>
                <a:lnTo>
                  <a:pt x="9541417" y="6325709"/>
                </a:lnTo>
                <a:close/>
                <a:moveTo>
                  <a:pt x="9327444" y="6325709"/>
                </a:moveTo>
                <a:lnTo>
                  <a:pt x="9327444" y="6397010"/>
                </a:lnTo>
                <a:lnTo>
                  <a:pt x="9398745" y="6397010"/>
                </a:lnTo>
                <a:lnTo>
                  <a:pt x="9398745" y="6325709"/>
                </a:lnTo>
                <a:close/>
                <a:moveTo>
                  <a:pt x="9184842" y="6325709"/>
                </a:moveTo>
                <a:lnTo>
                  <a:pt x="9184842" y="6397010"/>
                </a:lnTo>
                <a:lnTo>
                  <a:pt x="9256143" y="6397010"/>
                </a:lnTo>
                <a:lnTo>
                  <a:pt x="9256143" y="6325709"/>
                </a:lnTo>
                <a:close/>
                <a:moveTo>
                  <a:pt x="9042170" y="6325709"/>
                </a:moveTo>
                <a:lnTo>
                  <a:pt x="9042170" y="6397010"/>
                </a:lnTo>
                <a:lnTo>
                  <a:pt x="9113471" y="6397010"/>
                </a:lnTo>
                <a:lnTo>
                  <a:pt x="9113471" y="6325709"/>
                </a:lnTo>
                <a:close/>
                <a:moveTo>
                  <a:pt x="8899568" y="6325709"/>
                </a:moveTo>
                <a:lnTo>
                  <a:pt x="8899568" y="6397010"/>
                </a:lnTo>
                <a:lnTo>
                  <a:pt x="8970869" y="6397010"/>
                </a:lnTo>
                <a:lnTo>
                  <a:pt x="8970869" y="6325709"/>
                </a:lnTo>
                <a:close/>
                <a:moveTo>
                  <a:pt x="8756896" y="6325709"/>
                </a:moveTo>
                <a:lnTo>
                  <a:pt x="8756896" y="6397010"/>
                </a:lnTo>
                <a:lnTo>
                  <a:pt x="8828196" y="6397010"/>
                </a:lnTo>
                <a:lnTo>
                  <a:pt x="8828196" y="6325709"/>
                </a:lnTo>
                <a:close/>
                <a:moveTo>
                  <a:pt x="8614223" y="6325709"/>
                </a:moveTo>
                <a:lnTo>
                  <a:pt x="8614223" y="6397010"/>
                </a:lnTo>
                <a:lnTo>
                  <a:pt x="8685524" y="6397010"/>
                </a:lnTo>
                <a:lnTo>
                  <a:pt x="8685524" y="6325709"/>
                </a:lnTo>
                <a:close/>
                <a:moveTo>
                  <a:pt x="8471622" y="6325709"/>
                </a:moveTo>
                <a:lnTo>
                  <a:pt x="8471622" y="6397010"/>
                </a:lnTo>
                <a:lnTo>
                  <a:pt x="8542923" y="6397010"/>
                </a:lnTo>
                <a:lnTo>
                  <a:pt x="8542923" y="6325709"/>
                </a:lnTo>
                <a:close/>
                <a:moveTo>
                  <a:pt x="8328949" y="6325709"/>
                </a:moveTo>
                <a:lnTo>
                  <a:pt x="8328949" y="6397010"/>
                </a:lnTo>
                <a:lnTo>
                  <a:pt x="8400250" y="6397010"/>
                </a:lnTo>
                <a:lnTo>
                  <a:pt x="8400250" y="6325709"/>
                </a:lnTo>
                <a:close/>
                <a:moveTo>
                  <a:pt x="8186348" y="6325709"/>
                </a:moveTo>
                <a:lnTo>
                  <a:pt x="8186348" y="6397010"/>
                </a:lnTo>
                <a:lnTo>
                  <a:pt x="8257649" y="6397010"/>
                </a:lnTo>
                <a:lnTo>
                  <a:pt x="8257649" y="6325709"/>
                </a:lnTo>
                <a:close/>
                <a:moveTo>
                  <a:pt x="8043675" y="6325709"/>
                </a:moveTo>
                <a:lnTo>
                  <a:pt x="8043675" y="6397010"/>
                </a:lnTo>
                <a:lnTo>
                  <a:pt x="8114976" y="6397010"/>
                </a:lnTo>
                <a:lnTo>
                  <a:pt x="8114976" y="6325709"/>
                </a:lnTo>
                <a:close/>
                <a:moveTo>
                  <a:pt x="7901003" y="6325709"/>
                </a:moveTo>
                <a:lnTo>
                  <a:pt x="7901003" y="6397010"/>
                </a:lnTo>
                <a:lnTo>
                  <a:pt x="7972304" y="6397010"/>
                </a:lnTo>
                <a:lnTo>
                  <a:pt x="7972304" y="6325709"/>
                </a:lnTo>
                <a:close/>
                <a:moveTo>
                  <a:pt x="7758401" y="6325709"/>
                </a:moveTo>
                <a:lnTo>
                  <a:pt x="7758401" y="6397010"/>
                </a:lnTo>
                <a:lnTo>
                  <a:pt x="7829702" y="6397010"/>
                </a:lnTo>
                <a:lnTo>
                  <a:pt x="7829702" y="6325709"/>
                </a:lnTo>
                <a:close/>
                <a:moveTo>
                  <a:pt x="7615728" y="6325709"/>
                </a:moveTo>
                <a:lnTo>
                  <a:pt x="7615728" y="6397010"/>
                </a:lnTo>
                <a:lnTo>
                  <a:pt x="7687029" y="6397010"/>
                </a:lnTo>
                <a:lnTo>
                  <a:pt x="7687029" y="6325709"/>
                </a:lnTo>
                <a:close/>
                <a:moveTo>
                  <a:pt x="7473127" y="6325709"/>
                </a:moveTo>
                <a:lnTo>
                  <a:pt x="7473127" y="6397010"/>
                </a:lnTo>
                <a:lnTo>
                  <a:pt x="7544428" y="6397010"/>
                </a:lnTo>
                <a:lnTo>
                  <a:pt x="7544428" y="6325709"/>
                </a:lnTo>
                <a:close/>
                <a:moveTo>
                  <a:pt x="7330454" y="6325709"/>
                </a:moveTo>
                <a:lnTo>
                  <a:pt x="7330454" y="6397010"/>
                </a:lnTo>
                <a:lnTo>
                  <a:pt x="7401755" y="6397010"/>
                </a:lnTo>
                <a:lnTo>
                  <a:pt x="7401755" y="6325709"/>
                </a:lnTo>
                <a:close/>
                <a:moveTo>
                  <a:pt x="7187853" y="6325709"/>
                </a:moveTo>
                <a:lnTo>
                  <a:pt x="7187853" y="6397010"/>
                </a:lnTo>
                <a:lnTo>
                  <a:pt x="7259154" y="6397010"/>
                </a:lnTo>
                <a:lnTo>
                  <a:pt x="7259154" y="6325709"/>
                </a:lnTo>
                <a:close/>
                <a:moveTo>
                  <a:pt x="7045180" y="6325709"/>
                </a:moveTo>
                <a:lnTo>
                  <a:pt x="7045180" y="6397010"/>
                </a:lnTo>
                <a:lnTo>
                  <a:pt x="7116481" y="6397010"/>
                </a:lnTo>
                <a:lnTo>
                  <a:pt x="7116481" y="6325709"/>
                </a:lnTo>
                <a:close/>
                <a:moveTo>
                  <a:pt x="6902579" y="6325709"/>
                </a:moveTo>
                <a:lnTo>
                  <a:pt x="6902579" y="6397010"/>
                </a:lnTo>
                <a:lnTo>
                  <a:pt x="6973880" y="6397010"/>
                </a:lnTo>
                <a:lnTo>
                  <a:pt x="6973880" y="6325709"/>
                </a:lnTo>
                <a:close/>
                <a:moveTo>
                  <a:pt x="6759906" y="6325709"/>
                </a:moveTo>
                <a:lnTo>
                  <a:pt x="6759906" y="6397010"/>
                </a:lnTo>
                <a:lnTo>
                  <a:pt x="6831207" y="6397010"/>
                </a:lnTo>
                <a:lnTo>
                  <a:pt x="6831207" y="6325709"/>
                </a:lnTo>
                <a:close/>
                <a:moveTo>
                  <a:pt x="6617234" y="6325709"/>
                </a:moveTo>
                <a:lnTo>
                  <a:pt x="6617234" y="6397010"/>
                </a:lnTo>
                <a:lnTo>
                  <a:pt x="6688535" y="6397010"/>
                </a:lnTo>
                <a:lnTo>
                  <a:pt x="6688535" y="6325709"/>
                </a:lnTo>
                <a:close/>
                <a:moveTo>
                  <a:pt x="6474632" y="6325709"/>
                </a:moveTo>
                <a:lnTo>
                  <a:pt x="6474632" y="6397010"/>
                </a:lnTo>
                <a:lnTo>
                  <a:pt x="6545933" y="6397010"/>
                </a:lnTo>
                <a:lnTo>
                  <a:pt x="6545933" y="6325709"/>
                </a:lnTo>
                <a:close/>
                <a:moveTo>
                  <a:pt x="6331959" y="6325709"/>
                </a:moveTo>
                <a:lnTo>
                  <a:pt x="6331959" y="6397010"/>
                </a:lnTo>
                <a:lnTo>
                  <a:pt x="6403260" y="6397010"/>
                </a:lnTo>
                <a:lnTo>
                  <a:pt x="6403260" y="6325709"/>
                </a:lnTo>
                <a:close/>
                <a:moveTo>
                  <a:pt x="6189358" y="6325709"/>
                </a:moveTo>
                <a:lnTo>
                  <a:pt x="6189358" y="6397010"/>
                </a:lnTo>
                <a:lnTo>
                  <a:pt x="6260659" y="6397010"/>
                </a:lnTo>
                <a:lnTo>
                  <a:pt x="6260659" y="6325709"/>
                </a:lnTo>
                <a:close/>
                <a:moveTo>
                  <a:pt x="6046689" y="6325709"/>
                </a:moveTo>
                <a:lnTo>
                  <a:pt x="6046689" y="6397010"/>
                </a:lnTo>
                <a:lnTo>
                  <a:pt x="6117986" y="6397010"/>
                </a:lnTo>
                <a:lnTo>
                  <a:pt x="6117986" y="6325709"/>
                </a:lnTo>
                <a:close/>
                <a:moveTo>
                  <a:pt x="5904022" y="6325709"/>
                </a:moveTo>
                <a:lnTo>
                  <a:pt x="5904022" y="6397010"/>
                </a:lnTo>
                <a:lnTo>
                  <a:pt x="5975319" y="6397010"/>
                </a:lnTo>
                <a:lnTo>
                  <a:pt x="5975319" y="6325709"/>
                </a:lnTo>
                <a:close/>
                <a:moveTo>
                  <a:pt x="5761426" y="6325709"/>
                </a:moveTo>
                <a:lnTo>
                  <a:pt x="5761426" y="6397010"/>
                </a:lnTo>
                <a:lnTo>
                  <a:pt x="5832724" y="6397010"/>
                </a:lnTo>
                <a:lnTo>
                  <a:pt x="5832724" y="6325709"/>
                </a:lnTo>
                <a:close/>
                <a:moveTo>
                  <a:pt x="5618761" y="6325709"/>
                </a:moveTo>
                <a:lnTo>
                  <a:pt x="5618761" y="6397010"/>
                </a:lnTo>
                <a:lnTo>
                  <a:pt x="5690059" y="6397010"/>
                </a:lnTo>
                <a:lnTo>
                  <a:pt x="5690059" y="6325709"/>
                </a:lnTo>
                <a:close/>
                <a:moveTo>
                  <a:pt x="5476167" y="6325709"/>
                </a:moveTo>
                <a:lnTo>
                  <a:pt x="5476167" y="6397010"/>
                </a:lnTo>
                <a:lnTo>
                  <a:pt x="5547465" y="6397010"/>
                </a:lnTo>
                <a:lnTo>
                  <a:pt x="5547465" y="6325709"/>
                </a:lnTo>
                <a:close/>
                <a:moveTo>
                  <a:pt x="5333500" y="6325709"/>
                </a:moveTo>
                <a:lnTo>
                  <a:pt x="5333500" y="6397010"/>
                </a:lnTo>
                <a:lnTo>
                  <a:pt x="5404799" y="6397010"/>
                </a:lnTo>
                <a:lnTo>
                  <a:pt x="5404799" y="6325709"/>
                </a:lnTo>
                <a:close/>
                <a:moveTo>
                  <a:pt x="5190877" y="6325709"/>
                </a:moveTo>
                <a:lnTo>
                  <a:pt x="5190877" y="6397010"/>
                </a:lnTo>
                <a:lnTo>
                  <a:pt x="5262188" y="6397010"/>
                </a:lnTo>
                <a:lnTo>
                  <a:pt x="5262188" y="6325709"/>
                </a:lnTo>
                <a:close/>
                <a:moveTo>
                  <a:pt x="5048236" y="6325709"/>
                </a:moveTo>
                <a:lnTo>
                  <a:pt x="5048236" y="6397010"/>
                </a:lnTo>
                <a:lnTo>
                  <a:pt x="5119527" y="6397010"/>
                </a:lnTo>
                <a:lnTo>
                  <a:pt x="5119527" y="6325709"/>
                </a:lnTo>
                <a:close/>
                <a:moveTo>
                  <a:pt x="4906607" y="6325709"/>
                </a:moveTo>
                <a:lnTo>
                  <a:pt x="4906607" y="6397010"/>
                </a:lnTo>
                <a:lnTo>
                  <a:pt x="4977916" y="6397010"/>
                </a:lnTo>
                <a:lnTo>
                  <a:pt x="4977916" y="6325709"/>
                </a:lnTo>
                <a:close/>
                <a:moveTo>
                  <a:pt x="4764013" y="6325709"/>
                </a:moveTo>
                <a:lnTo>
                  <a:pt x="4764013" y="6397010"/>
                </a:lnTo>
                <a:lnTo>
                  <a:pt x="4835311" y="6397010"/>
                </a:lnTo>
                <a:lnTo>
                  <a:pt x="4835311" y="6325709"/>
                </a:lnTo>
                <a:close/>
                <a:moveTo>
                  <a:pt x="4621341" y="6325709"/>
                </a:moveTo>
                <a:lnTo>
                  <a:pt x="4621341" y="6397010"/>
                </a:lnTo>
                <a:lnTo>
                  <a:pt x="4692639" y="6397010"/>
                </a:lnTo>
                <a:lnTo>
                  <a:pt x="4692639" y="6325709"/>
                </a:lnTo>
                <a:close/>
                <a:moveTo>
                  <a:pt x="4478666" y="6325709"/>
                </a:moveTo>
                <a:lnTo>
                  <a:pt x="4478666" y="6397010"/>
                </a:lnTo>
                <a:lnTo>
                  <a:pt x="4549969" y="6397010"/>
                </a:lnTo>
                <a:lnTo>
                  <a:pt x="4549969" y="6325709"/>
                </a:lnTo>
                <a:close/>
                <a:moveTo>
                  <a:pt x="4336067" y="6325709"/>
                </a:moveTo>
                <a:lnTo>
                  <a:pt x="4336067" y="6397010"/>
                </a:lnTo>
                <a:lnTo>
                  <a:pt x="4407366" y="6397010"/>
                </a:lnTo>
                <a:lnTo>
                  <a:pt x="4407366" y="6325709"/>
                </a:lnTo>
                <a:close/>
                <a:moveTo>
                  <a:pt x="4193413" y="6325709"/>
                </a:moveTo>
                <a:lnTo>
                  <a:pt x="4193413" y="6397010"/>
                </a:lnTo>
                <a:lnTo>
                  <a:pt x="4264695" y="6397010"/>
                </a:lnTo>
                <a:lnTo>
                  <a:pt x="4264695" y="6325709"/>
                </a:lnTo>
                <a:close/>
                <a:moveTo>
                  <a:pt x="4050810" y="6325709"/>
                </a:moveTo>
                <a:lnTo>
                  <a:pt x="4050810" y="6397010"/>
                </a:lnTo>
                <a:lnTo>
                  <a:pt x="4122113" y="6397010"/>
                </a:lnTo>
                <a:lnTo>
                  <a:pt x="4122113" y="6325709"/>
                </a:lnTo>
                <a:close/>
                <a:moveTo>
                  <a:pt x="3908136" y="6325709"/>
                </a:moveTo>
                <a:lnTo>
                  <a:pt x="3908136" y="6397010"/>
                </a:lnTo>
                <a:lnTo>
                  <a:pt x="3979438" y="6397010"/>
                </a:lnTo>
                <a:lnTo>
                  <a:pt x="3979438" y="6325709"/>
                </a:lnTo>
                <a:close/>
                <a:moveTo>
                  <a:pt x="3765462" y="6325709"/>
                </a:moveTo>
                <a:lnTo>
                  <a:pt x="3765462" y="6397010"/>
                </a:lnTo>
                <a:lnTo>
                  <a:pt x="3836763" y="6397010"/>
                </a:lnTo>
                <a:lnTo>
                  <a:pt x="3836763" y="6325709"/>
                </a:lnTo>
                <a:close/>
                <a:moveTo>
                  <a:pt x="3622851" y="6325709"/>
                </a:moveTo>
                <a:lnTo>
                  <a:pt x="3622851" y="6397010"/>
                </a:lnTo>
                <a:lnTo>
                  <a:pt x="3694151" y="6397010"/>
                </a:lnTo>
                <a:lnTo>
                  <a:pt x="3694151" y="6325709"/>
                </a:lnTo>
                <a:close/>
                <a:moveTo>
                  <a:pt x="3480203" y="6325709"/>
                </a:moveTo>
                <a:lnTo>
                  <a:pt x="3480203" y="6397010"/>
                </a:lnTo>
                <a:lnTo>
                  <a:pt x="3551509" y="6397010"/>
                </a:lnTo>
                <a:lnTo>
                  <a:pt x="3551509" y="6325709"/>
                </a:lnTo>
                <a:close/>
                <a:moveTo>
                  <a:pt x="3337580" y="6325709"/>
                </a:moveTo>
                <a:lnTo>
                  <a:pt x="3337580" y="6397010"/>
                </a:lnTo>
                <a:lnTo>
                  <a:pt x="3408881" y="6397010"/>
                </a:lnTo>
                <a:lnTo>
                  <a:pt x="3408881" y="6325709"/>
                </a:lnTo>
                <a:close/>
                <a:moveTo>
                  <a:pt x="3194905" y="6325709"/>
                </a:moveTo>
                <a:lnTo>
                  <a:pt x="3194905" y="6397010"/>
                </a:lnTo>
                <a:lnTo>
                  <a:pt x="3266208" y="6397010"/>
                </a:lnTo>
                <a:lnTo>
                  <a:pt x="3266208" y="6325709"/>
                </a:lnTo>
                <a:close/>
                <a:moveTo>
                  <a:pt x="3052305" y="6325709"/>
                </a:moveTo>
                <a:lnTo>
                  <a:pt x="3052305" y="6397010"/>
                </a:lnTo>
                <a:lnTo>
                  <a:pt x="3123607" y="6397010"/>
                </a:lnTo>
                <a:lnTo>
                  <a:pt x="3123607" y="6325709"/>
                </a:lnTo>
                <a:close/>
                <a:moveTo>
                  <a:pt x="2909633" y="6325709"/>
                </a:moveTo>
                <a:lnTo>
                  <a:pt x="2909633" y="6397010"/>
                </a:lnTo>
                <a:lnTo>
                  <a:pt x="2980934" y="6397010"/>
                </a:lnTo>
                <a:lnTo>
                  <a:pt x="2980934" y="6325709"/>
                </a:lnTo>
                <a:close/>
                <a:moveTo>
                  <a:pt x="2767033" y="6325709"/>
                </a:moveTo>
                <a:lnTo>
                  <a:pt x="2767033" y="6397010"/>
                </a:lnTo>
                <a:lnTo>
                  <a:pt x="2838334" y="6397010"/>
                </a:lnTo>
                <a:lnTo>
                  <a:pt x="2838334" y="6325709"/>
                </a:lnTo>
                <a:close/>
                <a:moveTo>
                  <a:pt x="2624361" y="6325709"/>
                </a:moveTo>
                <a:lnTo>
                  <a:pt x="2624361" y="6397010"/>
                </a:lnTo>
                <a:lnTo>
                  <a:pt x="2695661" y="6397010"/>
                </a:lnTo>
                <a:lnTo>
                  <a:pt x="2695661" y="6325709"/>
                </a:lnTo>
                <a:close/>
                <a:moveTo>
                  <a:pt x="2481690" y="6325709"/>
                </a:moveTo>
                <a:lnTo>
                  <a:pt x="2481690" y="6397010"/>
                </a:lnTo>
                <a:lnTo>
                  <a:pt x="2552991" y="6397010"/>
                </a:lnTo>
                <a:lnTo>
                  <a:pt x="2552991" y="6325709"/>
                </a:lnTo>
                <a:close/>
                <a:moveTo>
                  <a:pt x="2339091" y="6325709"/>
                </a:moveTo>
                <a:lnTo>
                  <a:pt x="2339091" y="6397010"/>
                </a:lnTo>
                <a:lnTo>
                  <a:pt x="2410390" y="6397010"/>
                </a:lnTo>
                <a:lnTo>
                  <a:pt x="2410390" y="6325709"/>
                </a:lnTo>
                <a:close/>
                <a:moveTo>
                  <a:pt x="2196420" y="6325709"/>
                </a:moveTo>
                <a:lnTo>
                  <a:pt x="2196420" y="6397010"/>
                </a:lnTo>
                <a:lnTo>
                  <a:pt x="2267720" y="6397010"/>
                </a:lnTo>
                <a:lnTo>
                  <a:pt x="2267720" y="6325709"/>
                </a:lnTo>
                <a:close/>
                <a:moveTo>
                  <a:pt x="2053813" y="6325709"/>
                </a:moveTo>
                <a:lnTo>
                  <a:pt x="2053813" y="6397010"/>
                </a:lnTo>
                <a:lnTo>
                  <a:pt x="2125117" y="6397010"/>
                </a:lnTo>
                <a:lnTo>
                  <a:pt x="2125117" y="6325709"/>
                </a:lnTo>
                <a:close/>
                <a:moveTo>
                  <a:pt x="1911141" y="6325709"/>
                </a:moveTo>
                <a:lnTo>
                  <a:pt x="1911141" y="6397010"/>
                </a:lnTo>
                <a:lnTo>
                  <a:pt x="1982442" y="6397010"/>
                </a:lnTo>
                <a:lnTo>
                  <a:pt x="1982442" y="6325709"/>
                </a:lnTo>
                <a:close/>
                <a:moveTo>
                  <a:pt x="1768470" y="6325709"/>
                </a:moveTo>
                <a:lnTo>
                  <a:pt x="1768470" y="6397010"/>
                </a:lnTo>
                <a:lnTo>
                  <a:pt x="1839771" y="6397010"/>
                </a:lnTo>
                <a:lnTo>
                  <a:pt x="1839771" y="6325709"/>
                </a:lnTo>
                <a:close/>
                <a:moveTo>
                  <a:pt x="1625870" y="6325709"/>
                </a:moveTo>
                <a:lnTo>
                  <a:pt x="1625870" y="6397010"/>
                </a:lnTo>
                <a:lnTo>
                  <a:pt x="1697170" y="6397010"/>
                </a:lnTo>
                <a:lnTo>
                  <a:pt x="1697170" y="6325709"/>
                </a:lnTo>
                <a:close/>
                <a:moveTo>
                  <a:pt x="1483199" y="6325709"/>
                </a:moveTo>
                <a:lnTo>
                  <a:pt x="1483199" y="6397010"/>
                </a:lnTo>
                <a:lnTo>
                  <a:pt x="1554500" y="6397010"/>
                </a:lnTo>
                <a:lnTo>
                  <a:pt x="1554500" y="6325709"/>
                </a:lnTo>
                <a:close/>
                <a:moveTo>
                  <a:pt x="1340599" y="6325709"/>
                </a:moveTo>
                <a:lnTo>
                  <a:pt x="1340599" y="6397010"/>
                </a:lnTo>
                <a:lnTo>
                  <a:pt x="1411899" y="6397010"/>
                </a:lnTo>
                <a:lnTo>
                  <a:pt x="1411899" y="6325709"/>
                </a:lnTo>
                <a:close/>
                <a:moveTo>
                  <a:pt x="1197929" y="6325709"/>
                </a:moveTo>
                <a:lnTo>
                  <a:pt x="1197929" y="6397010"/>
                </a:lnTo>
                <a:lnTo>
                  <a:pt x="1269230" y="6397010"/>
                </a:lnTo>
                <a:lnTo>
                  <a:pt x="1269230" y="6325709"/>
                </a:lnTo>
                <a:close/>
                <a:moveTo>
                  <a:pt x="1055311" y="6325709"/>
                </a:moveTo>
                <a:lnTo>
                  <a:pt x="1055311" y="6397010"/>
                </a:lnTo>
                <a:lnTo>
                  <a:pt x="1126612" y="6397010"/>
                </a:lnTo>
                <a:lnTo>
                  <a:pt x="1126612" y="6325709"/>
                </a:lnTo>
                <a:close/>
                <a:moveTo>
                  <a:pt x="912657" y="6325709"/>
                </a:moveTo>
                <a:lnTo>
                  <a:pt x="912657" y="6397010"/>
                </a:lnTo>
                <a:lnTo>
                  <a:pt x="983958" y="6397010"/>
                </a:lnTo>
                <a:lnTo>
                  <a:pt x="983958" y="6325709"/>
                </a:lnTo>
                <a:close/>
                <a:moveTo>
                  <a:pt x="771136" y="6325709"/>
                </a:moveTo>
                <a:lnTo>
                  <a:pt x="771136" y="6397010"/>
                </a:lnTo>
                <a:lnTo>
                  <a:pt x="842437" y="6397010"/>
                </a:lnTo>
                <a:lnTo>
                  <a:pt x="842437" y="6325709"/>
                </a:lnTo>
                <a:close/>
                <a:moveTo>
                  <a:pt x="628534" y="6325709"/>
                </a:moveTo>
                <a:lnTo>
                  <a:pt x="628534" y="6397010"/>
                </a:lnTo>
                <a:lnTo>
                  <a:pt x="699835" y="6397010"/>
                </a:lnTo>
                <a:lnTo>
                  <a:pt x="699835" y="6325709"/>
                </a:lnTo>
                <a:close/>
                <a:moveTo>
                  <a:pt x="485863" y="6325709"/>
                </a:moveTo>
                <a:lnTo>
                  <a:pt x="485863" y="6397010"/>
                </a:lnTo>
                <a:lnTo>
                  <a:pt x="557163" y="6397010"/>
                </a:lnTo>
                <a:lnTo>
                  <a:pt x="557163" y="6325709"/>
                </a:lnTo>
                <a:close/>
                <a:moveTo>
                  <a:pt x="343191" y="6325709"/>
                </a:moveTo>
                <a:lnTo>
                  <a:pt x="343191" y="6397010"/>
                </a:lnTo>
                <a:lnTo>
                  <a:pt x="414492" y="6397010"/>
                </a:lnTo>
                <a:lnTo>
                  <a:pt x="414492" y="6325709"/>
                </a:lnTo>
                <a:close/>
                <a:moveTo>
                  <a:pt x="200590" y="6325709"/>
                </a:moveTo>
                <a:lnTo>
                  <a:pt x="200590" y="6397010"/>
                </a:lnTo>
                <a:lnTo>
                  <a:pt x="271891" y="6397010"/>
                </a:lnTo>
                <a:lnTo>
                  <a:pt x="271891" y="6325709"/>
                </a:lnTo>
                <a:close/>
                <a:moveTo>
                  <a:pt x="57918" y="6325709"/>
                </a:moveTo>
                <a:lnTo>
                  <a:pt x="57918" y="6397010"/>
                </a:lnTo>
                <a:lnTo>
                  <a:pt x="129219" y="6397010"/>
                </a:lnTo>
                <a:lnTo>
                  <a:pt x="129219" y="6325709"/>
                </a:lnTo>
                <a:close/>
                <a:moveTo>
                  <a:pt x="9755391" y="6183107"/>
                </a:moveTo>
                <a:lnTo>
                  <a:pt x="9755391" y="6254408"/>
                </a:lnTo>
                <a:lnTo>
                  <a:pt x="9826692" y="6254408"/>
                </a:lnTo>
                <a:lnTo>
                  <a:pt x="9826692" y="6183107"/>
                </a:lnTo>
                <a:close/>
                <a:moveTo>
                  <a:pt x="9612718" y="6183107"/>
                </a:moveTo>
                <a:lnTo>
                  <a:pt x="9612718" y="6254408"/>
                </a:lnTo>
                <a:lnTo>
                  <a:pt x="9684019" y="6254408"/>
                </a:lnTo>
                <a:lnTo>
                  <a:pt x="9684019" y="6183107"/>
                </a:lnTo>
                <a:close/>
                <a:moveTo>
                  <a:pt x="9470117" y="6183107"/>
                </a:moveTo>
                <a:lnTo>
                  <a:pt x="9470117" y="6254408"/>
                </a:lnTo>
                <a:lnTo>
                  <a:pt x="9541417" y="6254408"/>
                </a:lnTo>
                <a:lnTo>
                  <a:pt x="9541417" y="6183107"/>
                </a:lnTo>
                <a:close/>
                <a:moveTo>
                  <a:pt x="9327444" y="6183107"/>
                </a:moveTo>
                <a:lnTo>
                  <a:pt x="9327444" y="6254408"/>
                </a:lnTo>
                <a:lnTo>
                  <a:pt x="9398745" y="6254408"/>
                </a:lnTo>
                <a:lnTo>
                  <a:pt x="9398745" y="6183107"/>
                </a:lnTo>
                <a:close/>
                <a:moveTo>
                  <a:pt x="9184842" y="6183107"/>
                </a:moveTo>
                <a:lnTo>
                  <a:pt x="9184842" y="6254408"/>
                </a:lnTo>
                <a:lnTo>
                  <a:pt x="9256143" y="6254408"/>
                </a:lnTo>
                <a:lnTo>
                  <a:pt x="9256143" y="6183107"/>
                </a:lnTo>
                <a:close/>
                <a:moveTo>
                  <a:pt x="9042170" y="6183107"/>
                </a:moveTo>
                <a:lnTo>
                  <a:pt x="9042170" y="6254408"/>
                </a:lnTo>
                <a:lnTo>
                  <a:pt x="9113471" y="6254408"/>
                </a:lnTo>
                <a:lnTo>
                  <a:pt x="9113471" y="6183107"/>
                </a:lnTo>
                <a:close/>
                <a:moveTo>
                  <a:pt x="8899568" y="6183107"/>
                </a:moveTo>
                <a:lnTo>
                  <a:pt x="8899568" y="6254408"/>
                </a:lnTo>
                <a:lnTo>
                  <a:pt x="8970869" y="6254408"/>
                </a:lnTo>
                <a:lnTo>
                  <a:pt x="8970869" y="6183107"/>
                </a:lnTo>
                <a:close/>
                <a:moveTo>
                  <a:pt x="8756896" y="6183107"/>
                </a:moveTo>
                <a:lnTo>
                  <a:pt x="8756896" y="6254408"/>
                </a:lnTo>
                <a:lnTo>
                  <a:pt x="8828196" y="6254408"/>
                </a:lnTo>
                <a:lnTo>
                  <a:pt x="8828196" y="6183107"/>
                </a:lnTo>
                <a:close/>
                <a:moveTo>
                  <a:pt x="8614223" y="6183107"/>
                </a:moveTo>
                <a:lnTo>
                  <a:pt x="8614223" y="6254408"/>
                </a:lnTo>
                <a:lnTo>
                  <a:pt x="8685524" y="6254408"/>
                </a:lnTo>
                <a:lnTo>
                  <a:pt x="8685524" y="6183107"/>
                </a:lnTo>
                <a:close/>
                <a:moveTo>
                  <a:pt x="8471622" y="6183107"/>
                </a:moveTo>
                <a:lnTo>
                  <a:pt x="8471622" y="6254408"/>
                </a:lnTo>
                <a:lnTo>
                  <a:pt x="8542923" y="6254408"/>
                </a:lnTo>
                <a:lnTo>
                  <a:pt x="8542923" y="6183107"/>
                </a:lnTo>
                <a:close/>
                <a:moveTo>
                  <a:pt x="8328949" y="6183107"/>
                </a:moveTo>
                <a:lnTo>
                  <a:pt x="8328949" y="6254408"/>
                </a:lnTo>
                <a:lnTo>
                  <a:pt x="8400250" y="6254408"/>
                </a:lnTo>
                <a:lnTo>
                  <a:pt x="8400250" y="6183107"/>
                </a:lnTo>
                <a:close/>
                <a:moveTo>
                  <a:pt x="8186348" y="6183107"/>
                </a:moveTo>
                <a:lnTo>
                  <a:pt x="8186348" y="6254408"/>
                </a:lnTo>
                <a:lnTo>
                  <a:pt x="8257649" y="6254408"/>
                </a:lnTo>
                <a:lnTo>
                  <a:pt x="8257649" y="6183107"/>
                </a:lnTo>
                <a:close/>
                <a:moveTo>
                  <a:pt x="8043675" y="6183107"/>
                </a:moveTo>
                <a:lnTo>
                  <a:pt x="8043675" y="6254408"/>
                </a:lnTo>
                <a:lnTo>
                  <a:pt x="8114976" y="6254408"/>
                </a:lnTo>
                <a:lnTo>
                  <a:pt x="8114976" y="6183107"/>
                </a:lnTo>
                <a:close/>
                <a:moveTo>
                  <a:pt x="7901003" y="6183107"/>
                </a:moveTo>
                <a:lnTo>
                  <a:pt x="7901003" y="6254408"/>
                </a:lnTo>
                <a:lnTo>
                  <a:pt x="7972304" y="6254408"/>
                </a:lnTo>
                <a:lnTo>
                  <a:pt x="7972304" y="6183107"/>
                </a:lnTo>
                <a:close/>
                <a:moveTo>
                  <a:pt x="7758401" y="6183107"/>
                </a:moveTo>
                <a:lnTo>
                  <a:pt x="7758401" y="6254408"/>
                </a:lnTo>
                <a:lnTo>
                  <a:pt x="7829702" y="6254408"/>
                </a:lnTo>
                <a:lnTo>
                  <a:pt x="7829702" y="6183107"/>
                </a:lnTo>
                <a:close/>
                <a:moveTo>
                  <a:pt x="7615728" y="6183107"/>
                </a:moveTo>
                <a:lnTo>
                  <a:pt x="7615728" y="6254408"/>
                </a:lnTo>
                <a:lnTo>
                  <a:pt x="7687029" y="6254408"/>
                </a:lnTo>
                <a:lnTo>
                  <a:pt x="7687029" y="6183107"/>
                </a:lnTo>
                <a:close/>
                <a:moveTo>
                  <a:pt x="7473127" y="6183107"/>
                </a:moveTo>
                <a:lnTo>
                  <a:pt x="7473127" y="6254408"/>
                </a:lnTo>
                <a:lnTo>
                  <a:pt x="7544428" y="6254408"/>
                </a:lnTo>
                <a:lnTo>
                  <a:pt x="7544428" y="6183107"/>
                </a:lnTo>
                <a:close/>
                <a:moveTo>
                  <a:pt x="7330454" y="6183107"/>
                </a:moveTo>
                <a:lnTo>
                  <a:pt x="7330454" y="6254408"/>
                </a:lnTo>
                <a:lnTo>
                  <a:pt x="7401755" y="6254408"/>
                </a:lnTo>
                <a:lnTo>
                  <a:pt x="7401755" y="6183107"/>
                </a:lnTo>
                <a:close/>
                <a:moveTo>
                  <a:pt x="7187853" y="6183107"/>
                </a:moveTo>
                <a:lnTo>
                  <a:pt x="7187853" y="6254408"/>
                </a:lnTo>
                <a:lnTo>
                  <a:pt x="7259154" y="6254408"/>
                </a:lnTo>
                <a:lnTo>
                  <a:pt x="7259154" y="6183107"/>
                </a:lnTo>
                <a:close/>
                <a:moveTo>
                  <a:pt x="7045180" y="6183107"/>
                </a:moveTo>
                <a:lnTo>
                  <a:pt x="7045180" y="6254408"/>
                </a:lnTo>
                <a:lnTo>
                  <a:pt x="7116481" y="6254408"/>
                </a:lnTo>
                <a:lnTo>
                  <a:pt x="7116481" y="6183107"/>
                </a:lnTo>
                <a:close/>
                <a:moveTo>
                  <a:pt x="6902579" y="6183107"/>
                </a:moveTo>
                <a:lnTo>
                  <a:pt x="6902579" y="6254408"/>
                </a:lnTo>
                <a:lnTo>
                  <a:pt x="6973880" y="6254408"/>
                </a:lnTo>
                <a:lnTo>
                  <a:pt x="6973880" y="6183107"/>
                </a:lnTo>
                <a:close/>
                <a:moveTo>
                  <a:pt x="6759906" y="6183107"/>
                </a:moveTo>
                <a:lnTo>
                  <a:pt x="6759906" y="6254408"/>
                </a:lnTo>
                <a:lnTo>
                  <a:pt x="6831207" y="6254408"/>
                </a:lnTo>
                <a:lnTo>
                  <a:pt x="6831207" y="6183107"/>
                </a:lnTo>
                <a:close/>
                <a:moveTo>
                  <a:pt x="6617234" y="6183107"/>
                </a:moveTo>
                <a:lnTo>
                  <a:pt x="6617234" y="6254408"/>
                </a:lnTo>
                <a:lnTo>
                  <a:pt x="6688535" y="6254408"/>
                </a:lnTo>
                <a:lnTo>
                  <a:pt x="6688535" y="6183107"/>
                </a:lnTo>
                <a:close/>
                <a:moveTo>
                  <a:pt x="6474632" y="6183107"/>
                </a:moveTo>
                <a:lnTo>
                  <a:pt x="6474632" y="6254408"/>
                </a:lnTo>
                <a:lnTo>
                  <a:pt x="6545933" y="6254408"/>
                </a:lnTo>
                <a:lnTo>
                  <a:pt x="6545933" y="6183107"/>
                </a:lnTo>
                <a:close/>
                <a:moveTo>
                  <a:pt x="6331959" y="6183107"/>
                </a:moveTo>
                <a:lnTo>
                  <a:pt x="6331959" y="6254408"/>
                </a:lnTo>
                <a:lnTo>
                  <a:pt x="6403260" y="6254408"/>
                </a:lnTo>
                <a:lnTo>
                  <a:pt x="6403260" y="6183107"/>
                </a:lnTo>
                <a:close/>
                <a:moveTo>
                  <a:pt x="6189358" y="6183107"/>
                </a:moveTo>
                <a:lnTo>
                  <a:pt x="6189358" y="6254408"/>
                </a:lnTo>
                <a:lnTo>
                  <a:pt x="6260659" y="6254408"/>
                </a:lnTo>
                <a:lnTo>
                  <a:pt x="6260659" y="6183107"/>
                </a:lnTo>
                <a:close/>
                <a:moveTo>
                  <a:pt x="6046689" y="6183107"/>
                </a:moveTo>
                <a:lnTo>
                  <a:pt x="6046689" y="6254408"/>
                </a:lnTo>
                <a:lnTo>
                  <a:pt x="6117986" y="6254408"/>
                </a:lnTo>
                <a:lnTo>
                  <a:pt x="6117986" y="6183107"/>
                </a:lnTo>
                <a:close/>
                <a:moveTo>
                  <a:pt x="5904022" y="6183107"/>
                </a:moveTo>
                <a:lnTo>
                  <a:pt x="5904022" y="6254408"/>
                </a:lnTo>
                <a:lnTo>
                  <a:pt x="5975319" y="6254408"/>
                </a:lnTo>
                <a:lnTo>
                  <a:pt x="5975319" y="6183107"/>
                </a:lnTo>
                <a:close/>
                <a:moveTo>
                  <a:pt x="5761426" y="6183107"/>
                </a:moveTo>
                <a:lnTo>
                  <a:pt x="5761426" y="6254408"/>
                </a:lnTo>
                <a:lnTo>
                  <a:pt x="5832724" y="6254408"/>
                </a:lnTo>
                <a:lnTo>
                  <a:pt x="5832724" y="6183107"/>
                </a:lnTo>
                <a:close/>
                <a:moveTo>
                  <a:pt x="5618761" y="6183107"/>
                </a:moveTo>
                <a:lnTo>
                  <a:pt x="5618761" y="6254408"/>
                </a:lnTo>
                <a:lnTo>
                  <a:pt x="5690059" y="6254408"/>
                </a:lnTo>
                <a:lnTo>
                  <a:pt x="5690059" y="6183107"/>
                </a:lnTo>
                <a:close/>
                <a:moveTo>
                  <a:pt x="5476167" y="6183107"/>
                </a:moveTo>
                <a:lnTo>
                  <a:pt x="5476167" y="6254408"/>
                </a:lnTo>
                <a:lnTo>
                  <a:pt x="5547465" y="6254408"/>
                </a:lnTo>
                <a:lnTo>
                  <a:pt x="5547465" y="6183107"/>
                </a:lnTo>
                <a:close/>
                <a:moveTo>
                  <a:pt x="5333502" y="6183107"/>
                </a:moveTo>
                <a:lnTo>
                  <a:pt x="5333502" y="6254408"/>
                </a:lnTo>
                <a:lnTo>
                  <a:pt x="5404799" y="6254408"/>
                </a:lnTo>
                <a:lnTo>
                  <a:pt x="5404799" y="6183107"/>
                </a:lnTo>
                <a:close/>
                <a:moveTo>
                  <a:pt x="5190877" y="6183107"/>
                </a:moveTo>
                <a:lnTo>
                  <a:pt x="5190877" y="6254408"/>
                </a:lnTo>
                <a:lnTo>
                  <a:pt x="5262188" y="6254408"/>
                </a:lnTo>
                <a:lnTo>
                  <a:pt x="5262188" y="6183107"/>
                </a:lnTo>
                <a:close/>
                <a:moveTo>
                  <a:pt x="5048236" y="6183107"/>
                </a:moveTo>
                <a:lnTo>
                  <a:pt x="5048236" y="6254408"/>
                </a:lnTo>
                <a:lnTo>
                  <a:pt x="5119527" y="6254408"/>
                </a:lnTo>
                <a:lnTo>
                  <a:pt x="5119527" y="6183107"/>
                </a:lnTo>
                <a:close/>
                <a:moveTo>
                  <a:pt x="4906607" y="6183107"/>
                </a:moveTo>
                <a:lnTo>
                  <a:pt x="4906607" y="6254408"/>
                </a:lnTo>
                <a:lnTo>
                  <a:pt x="4977916" y="6254408"/>
                </a:lnTo>
                <a:lnTo>
                  <a:pt x="4977916" y="6183107"/>
                </a:lnTo>
                <a:close/>
                <a:moveTo>
                  <a:pt x="4764013" y="6183107"/>
                </a:moveTo>
                <a:lnTo>
                  <a:pt x="4764013" y="6254408"/>
                </a:lnTo>
                <a:lnTo>
                  <a:pt x="4835311" y="6254408"/>
                </a:lnTo>
                <a:lnTo>
                  <a:pt x="4835311" y="6183107"/>
                </a:lnTo>
                <a:close/>
                <a:moveTo>
                  <a:pt x="4621341" y="6183107"/>
                </a:moveTo>
                <a:lnTo>
                  <a:pt x="4621341" y="6254408"/>
                </a:lnTo>
                <a:lnTo>
                  <a:pt x="4692639" y="6254408"/>
                </a:lnTo>
                <a:lnTo>
                  <a:pt x="4692639" y="6183107"/>
                </a:lnTo>
                <a:close/>
                <a:moveTo>
                  <a:pt x="4478666" y="6183107"/>
                </a:moveTo>
                <a:lnTo>
                  <a:pt x="4478666" y="6254408"/>
                </a:lnTo>
                <a:lnTo>
                  <a:pt x="4549969" y="6254408"/>
                </a:lnTo>
                <a:lnTo>
                  <a:pt x="4549969" y="6183107"/>
                </a:lnTo>
                <a:close/>
                <a:moveTo>
                  <a:pt x="4336067" y="6183107"/>
                </a:moveTo>
                <a:lnTo>
                  <a:pt x="4336067" y="6254408"/>
                </a:lnTo>
                <a:lnTo>
                  <a:pt x="4407366" y="6254408"/>
                </a:lnTo>
                <a:lnTo>
                  <a:pt x="4407366" y="6183107"/>
                </a:lnTo>
                <a:close/>
                <a:moveTo>
                  <a:pt x="4193413" y="6183107"/>
                </a:moveTo>
                <a:lnTo>
                  <a:pt x="4193413" y="6254408"/>
                </a:lnTo>
                <a:lnTo>
                  <a:pt x="4264695" y="6254408"/>
                </a:lnTo>
                <a:lnTo>
                  <a:pt x="4264695" y="6183107"/>
                </a:lnTo>
                <a:close/>
                <a:moveTo>
                  <a:pt x="4050810" y="6183107"/>
                </a:moveTo>
                <a:lnTo>
                  <a:pt x="4050810" y="6254408"/>
                </a:lnTo>
                <a:lnTo>
                  <a:pt x="4122113" y="6254408"/>
                </a:lnTo>
                <a:lnTo>
                  <a:pt x="4122113" y="6183107"/>
                </a:lnTo>
                <a:close/>
                <a:moveTo>
                  <a:pt x="3908136" y="6183107"/>
                </a:moveTo>
                <a:lnTo>
                  <a:pt x="3908136" y="6254408"/>
                </a:lnTo>
                <a:lnTo>
                  <a:pt x="3979438" y="6254408"/>
                </a:lnTo>
                <a:lnTo>
                  <a:pt x="3979438" y="6183107"/>
                </a:lnTo>
                <a:close/>
                <a:moveTo>
                  <a:pt x="3765462" y="6183107"/>
                </a:moveTo>
                <a:lnTo>
                  <a:pt x="3765462" y="6254408"/>
                </a:lnTo>
                <a:lnTo>
                  <a:pt x="3836763" y="6254408"/>
                </a:lnTo>
                <a:lnTo>
                  <a:pt x="3836763" y="6183107"/>
                </a:lnTo>
                <a:close/>
                <a:moveTo>
                  <a:pt x="3622851" y="6183107"/>
                </a:moveTo>
                <a:lnTo>
                  <a:pt x="3622851" y="6254408"/>
                </a:lnTo>
                <a:lnTo>
                  <a:pt x="3694151" y="6254408"/>
                </a:lnTo>
                <a:lnTo>
                  <a:pt x="3694151" y="6183107"/>
                </a:lnTo>
                <a:close/>
                <a:moveTo>
                  <a:pt x="3480203" y="6183107"/>
                </a:moveTo>
                <a:lnTo>
                  <a:pt x="3480203" y="6254408"/>
                </a:lnTo>
                <a:lnTo>
                  <a:pt x="3551509" y="6254408"/>
                </a:lnTo>
                <a:lnTo>
                  <a:pt x="3551509" y="6183107"/>
                </a:lnTo>
                <a:close/>
                <a:moveTo>
                  <a:pt x="3337580" y="6183107"/>
                </a:moveTo>
                <a:lnTo>
                  <a:pt x="3337580" y="6254408"/>
                </a:lnTo>
                <a:lnTo>
                  <a:pt x="3408881" y="6254408"/>
                </a:lnTo>
                <a:lnTo>
                  <a:pt x="3408881" y="6183107"/>
                </a:lnTo>
                <a:close/>
                <a:moveTo>
                  <a:pt x="3194906" y="6183107"/>
                </a:moveTo>
                <a:lnTo>
                  <a:pt x="3194906" y="6254408"/>
                </a:lnTo>
                <a:lnTo>
                  <a:pt x="3266208" y="6254408"/>
                </a:lnTo>
                <a:lnTo>
                  <a:pt x="3266208" y="6183107"/>
                </a:lnTo>
                <a:close/>
                <a:moveTo>
                  <a:pt x="3052305" y="6183107"/>
                </a:moveTo>
                <a:lnTo>
                  <a:pt x="3052305" y="6254408"/>
                </a:lnTo>
                <a:lnTo>
                  <a:pt x="3123607" y="6254408"/>
                </a:lnTo>
                <a:lnTo>
                  <a:pt x="3123607" y="6183107"/>
                </a:lnTo>
                <a:close/>
                <a:moveTo>
                  <a:pt x="2909634" y="6183107"/>
                </a:moveTo>
                <a:lnTo>
                  <a:pt x="2909634" y="6254408"/>
                </a:lnTo>
                <a:lnTo>
                  <a:pt x="2980934" y="6254408"/>
                </a:lnTo>
                <a:lnTo>
                  <a:pt x="2980934" y="6183107"/>
                </a:lnTo>
                <a:close/>
                <a:moveTo>
                  <a:pt x="2767033" y="6183107"/>
                </a:moveTo>
                <a:lnTo>
                  <a:pt x="2767033" y="6254408"/>
                </a:lnTo>
                <a:lnTo>
                  <a:pt x="2838334" y="6254408"/>
                </a:lnTo>
                <a:lnTo>
                  <a:pt x="2838334" y="6183107"/>
                </a:lnTo>
                <a:close/>
                <a:moveTo>
                  <a:pt x="2624361" y="6183107"/>
                </a:moveTo>
                <a:lnTo>
                  <a:pt x="2624361" y="6254408"/>
                </a:lnTo>
                <a:lnTo>
                  <a:pt x="2695661" y="6254408"/>
                </a:lnTo>
                <a:lnTo>
                  <a:pt x="2695661" y="6183107"/>
                </a:lnTo>
                <a:close/>
                <a:moveTo>
                  <a:pt x="2481690" y="6183107"/>
                </a:moveTo>
                <a:lnTo>
                  <a:pt x="2481690" y="6254408"/>
                </a:lnTo>
                <a:lnTo>
                  <a:pt x="2552991" y="6254408"/>
                </a:lnTo>
                <a:lnTo>
                  <a:pt x="2552991" y="6183107"/>
                </a:lnTo>
                <a:close/>
                <a:moveTo>
                  <a:pt x="2339091" y="6183107"/>
                </a:moveTo>
                <a:lnTo>
                  <a:pt x="2339091" y="6254408"/>
                </a:lnTo>
                <a:lnTo>
                  <a:pt x="2410392" y="6254408"/>
                </a:lnTo>
                <a:lnTo>
                  <a:pt x="2410392" y="6183107"/>
                </a:lnTo>
                <a:close/>
                <a:moveTo>
                  <a:pt x="2196420" y="6183107"/>
                </a:moveTo>
                <a:lnTo>
                  <a:pt x="2196420" y="6254408"/>
                </a:lnTo>
                <a:lnTo>
                  <a:pt x="2267721" y="6254408"/>
                </a:lnTo>
                <a:lnTo>
                  <a:pt x="2267721" y="6183107"/>
                </a:lnTo>
                <a:close/>
                <a:moveTo>
                  <a:pt x="2053813" y="6183107"/>
                </a:moveTo>
                <a:lnTo>
                  <a:pt x="2053813" y="6254408"/>
                </a:lnTo>
                <a:lnTo>
                  <a:pt x="2125117" y="6254408"/>
                </a:lnTo>
                <a:lnTo>
                  <a:pt x="2125117" y="6183107"/>
                </a:lnTo>
                <a:close/>
                <a:moveTo>
                  <a:pt x="1911141" y="6183107"/>
                </a:moveTo>
                <a:lnTo>
                  <a:pt x="1911141" y="6254408"/>
                </a:lnTo>
                <a:lnTo>
                  <a:pt x="1982442" y="6254408"/>
                </a:lnTo>
                <a:lnTo>
                  <a:pt x="1982442" y="6183107"/>
                </a:lnTo>
                <a:close/>
                <a:moveTo>
                  <a:pt x="1768470" y="6183107"/>
                </a:moveTo>
                <a:lnTo>
                  <a:pt x="1768470" y="6254408"/>
                </a:lnTo>
                <a:lnTo>
                  <a:pt x="1839771" y="6254408"/>
                </a:lnTo>
                <a:lnTo>
                  <a:pt x="1839771" y="6183107"/>
                </a:lnTo>
                <a:close/>
                <a:moveTo>
                  <a:pt x="1625870" y="6183107"/>
                </a:moveTo>
                <a:lnTo>
                  <a:pt x="1625870" y="6254408"/>
                </a:lnTo>
                <a:lnTo>
                  <a:pt x="1697171" y="6254408"/>
                </a:lnTo>
                <a:lnTo>
                  <a:pt x="1697171" y="6183107"/>
                </a:lnTo>
                <a:close/>
                <a:moveTo>
                  <a:pt x="1483199" y="6183107"/>
                </a:moveTo>
                <a:lnTo>
                  <a:pt x="1483199" y="6254408"/>
                </a:lnTo>
                <a:lnTo>
                  <a:pt x="1554500" y="6254408"/>
                </a:lnTo>
                <a:lnTo>
                  <a:pt x="1554500" y="6183107"/>
                </a:lnTo>
                <a:close/>
                <a:moveTo>
                  <a:pt x="1340599" y="6183107"/>
                </a:moveTo>
                <a:lnTo>
                  <a:pt x="1340599" y="6254408"/>
                </a:lnTo>
                <a:lnTo>
                  <a:pt x="1411901" y="6254408"/>
                </a:lnTo>
                <a:lnTo>
                  <a:pt x="1411901" y="6183107"/>
                </a:lnTo>
                <a:close/>
                <a:moveTo>
                  <a:pt x="1197929" y="6183107"/>
                </a:moveTo>
                <a:lnTo>
                  <a:pt x="1197929" y="6254408"/>
                </a:lnTo>
                <a:lnTo>
                  <a:pt x="1269230" y="6254408"/>
                </a:lnTo>
                <a:lnTo>
                  <a:pt x="1269230" y="6183107"/>
                </a:lnTo>
                <a:close/>
                <a:moveTo>
                  <a:pt x="1055311" y="6183107"/>
                </a:moveTo>
                <a:lnTo>
                  <a:pt x="1055311" y="6254408"/>
                </a:lnTo>
                <a:lnTo>
                  <a:pt x="1126612" y="6254408"/>
                </a:lnTo>
                <a:lnTo>
                  <a:pt x="1126612" y="6183107"/>
                </a:lnTo>
                <a:close/>
                <a:moveTo>
                  <a:pt x="912657" y="6183107"/>
                </a:moveTo>
                <a:lnTo>
                  <a:pt x="912657" y="6254408"/>
                </a:lnTo>
                <a:lnTo>
                  <a:pt x="983958" y="6254408"/>
                </a:lnTo>
                <a:lnTo>
                  <a:pt x="983958" y="6183107"/>
                </a:lnTo>
                <a:close/>
                <a:moveTo>
                  <a:pt x="771136" y="6183107"/>
                </a:moveTo>
                <a:lnTo>
                  <a:pt x="771136" y="6254408"/>
                </a:lnTo>
                <a:lnTo>
                  <a:pt x="842437" y="6254408"/>
                </a:lnTo>
                <a:lnTo>
                  <a:pt x="842437" y="6183107"/>
                </a:lnTo>
                <a:close/>
                <a:moveTo>
                  <a:pt x="628534" y="6183107"/>
                </a:moveTo>
                <a:lnTo>
                  <a:pt x="628534" y="6254408"/>
                </a:lnTo>
                <a:lnTo>
                  <a:pt x="699835" y="6254408"/>
                </a:lnTo>
                <a:lnTo>
                  <a:pt x="699835" y="6183107"/>
                </a:lnTo>
                <a:close/>
                <a:moveTo>
                  <a:pt x="485863" y="6183107"/>
                </a:moveTo>
                <a:lnTo>
                  <a:pt x="485863" y="6254408"/>
                </a:lnTo>
                <a:lnTo>
                  <a:pt x="557163" y="6254408"/>
                </a:lnTo>
                <a:lnTo>
                  <a:pt x="557163" y="6183107"/>
                </a:lnTo>
                <a:close/>
                <a:moveTo>
                  <a:pt x="343191" y="6183107"/>
                </a:moveTo>
                <a:lnTo>
                  <a:pt x="343191" y="6254408"/>
                </a:lnTo>
                <a:lnTo>
                  <a:pt x="414492" y="6254408"/>
                </a:lnTo>
                <a:lnTo>
                  <a:pt x="414492" y="6183107"/>
                </a:lnTo>
                <a:close/>
                <a:moveTo>
                  <a:pt x="200590" y="6183107"/>
                </a:moveTo>
                <a:lnTo>
                  <a:pt x="200590" y="6254408"/>
                </a:lnTo>
                <a:lnTo>
                  <a:pt x="271891" y="6254408"/>
                </a:lnTo>
                <a:lnTo>
                  <a:pt x="271891" y="6183107"/>
                </a:lnTo>
                <a:close/>
                <a:moveTo>
                  <a:pt x="57918" y="6183107"/>
                </a:moveTo>
                <a:lnTo>
                  <a:pt x="57918" y="6254408"/>
                </a:lnTo>
                <a:lnTo>
                  <a:pt x="129219" y="6254408"/>
                </a:lnTo>
                <a:lnTo>
                  <a:pt x="129219" y="6183107"/>
                </a:lnTo>
                <a:close/>
                <a:moveTo>
                  <a:pt x="10040665" y="6040435"/>
                </a:moveTo>
                <a:lnTo>
                  <a:pt x="10040665" y="6111736"/>
                </a:lnTo>
                <a:lnTo>
                  <a:pt x="10111966" y="6111736"/>
                </a:lnTo>
                <a:lnTo>
                  <a:pt x="10111966" y="6040435"/>
                </a:lnTo>
                <a:close/>
                <a:moveTo>
                  <a:pt x="9898063" y="6040435"/>
                </a:moveTo>
                <a:lnTo>
                  <a:pt x="9898063" y="6111736"/>
                </a:lnTo>
                <a:lnTo>
                  <a:pt x="9969363" y="6111736"/>
                </a:lnTo>
                <a:lnTo>
                  <a:pt x="9969363" y="6040435"/>
                </a:lnTo>
                <a:close/>
                <a:moveTo>
                  <a:pt x="9755391" y="6040435"/>
                </a:moveTo>
                <a:lnTo>
                  <a:pt x="9755391" y="6111736"/>
                </a:lnTo>
                <a:lnTo>
                  <a:pt x="9826692" y="6111736"/>
                </a:lnTo>
                <a:lnTo>
                  <a:pt x="9826692" y="6040435"/>
                </a:lnTo>
                <a:close/>
                <a:moveTo>
                  <a:pt x="9612718" y="6040435"/>
                </a:moveTo>
                <a:lnTo>
                  <a:pt x="9612718" y="6111736"/>
                </a:lnTo>
                <a:lnTo>
                  <a:pt x="9684019" y="6111736"/>
                </a:lnTo>
                <a:lnTo>
                  <a:pt x="9684019" y="6040435"/>
                </a:lnTo>
                <a:close/>
                <a:moveTo>
                  <a:pt x="9470117" y="6040435"/>
                </a:moveTo>
                <a:lnTo>
                  <a:pt x="9470117" y="6111736"/>
                </a:lnTo>
                <a:lnTo>
                  <a:pt x="9541417" y="6111736"/>
                </a:lnTo>
                <a:lnTo>
                  <a:pt x="9541417" y="6040435"/>
                </a:lnTo>
                <a:close/>
                <a:moveTo>
                  <a:pt x="9327444" y="6040435"/>
                </a:moveTo>
                <a:lnTo>
                  <a:pt x="9327444" y="6111736"/>
                </a:lnTo>
                <a:lnTo>
                  <a:pt x="9398745" y="6111736"/>
                </a:lnTo>
                <a:lnTo>
                  <a:pt x="9398745" y="6040435"/>
                </a:lnTo>
                <a:close/>
                <a:moveTo>
                  <a:pt x="9184842" y="6040435"/>
                </a:moveTo>
                <a:lnTo>
                  <a:pt x="9184842" y="6111736"/>
                </a:lnTo>
                <a:lnTo>
                  <a:pt x="9256143" y="6111736"/>
                </a:lnTo>
                <a:lnTo>
                  <a:pt x="9256143" y="6040435"/>
                </a:lnTo>
                <a:close/>
                <a:moveTo>
                  <a:pt x="9042170" y="6040435"/>
                </a:moveTo>
                <a:lnTo>
                  <a:pt x="9042170" y="6111736"/>
                </a:lnTo>
                <a:lnTo>
                  <a:pt x="9113471" y="6111736"/>
                </a:lnTo>
                <a:lnTo>
                  <a:pt x="9113471" y="6040435"/>
                </a:lnTo>
                <a:close/>
                <a:moveTo>
                  <a:pt x="8899568" y="6040435"/>
                </a:moveTo>
                <a:lnTo>
                  <a:pt x="8899568" y="6111736"/>
                </a:lnTo>
                <a:lnTo>
                  <a:pt x="8970869" y="6111736"/>
                </a:lnTo>
                <a:lnTo>
                  <a:pt x="8970869" y="6040435"/>
                </a:lnTo>
                <a:close/>
                <a:moveTo>
                  <a:pt x="8756896" y="6040435"/>
                </a:moveTo>
                <a:lnTo>
                  <a:pt x="8756896" y="6111736"/>
                </a:lnTo>
                <a:lnTo>
                  <a:pt x="8828196" y="6111736"/>
                </a:lnTo>
                <a:lnTo>
                  <a:pt x="8828196" y="6040435"/>
                </a:lnTo>
                <a:close/>
                <a:moveTo>
                  <a:pt x="8614223" y="6040435"/>
                </a:moveTo>
                <a:lnTo>
                  <a:pt x="8614223" y="6111736"/>
                </a:lnTo>
                <a:lnTo>
                  <a:pt x="8685524" y="6111736"/>
                </a:lnTo>
                <a:lnTo>
                  <a:pt x="8685524" y="6040435"/>
                </a:lnTo>
                <a:close/>
                <a:moveTo>
                  <a:pt x="8471622" y="6040435"/>
                </a:moveTo>
                <a:lnTo>
                  <a:pt x="8471622" y="6111736"/>
                </a:lnTo>
                <a:lnTo>
                  <a:pt x="8542923" y="6111736"/>
                </a:lnTo>
                <a:lnTo>
                  <a:pt x="8542923" y="6040435"/>
                </a:lnTo>
                <a:close/>
                <a:moveTo>
                  <a:pt x="8328949" y="6040435"/>
                </a:moveTo>
                <a:lnTo>
                  <a:pt x="8328949" y="6111736"/>
                </a:lnTo>
                <a:lnTo>
                  <a:pt x="8400250" y="6111736"/>
                </a:lnTo>
                <a:lnTo>
                  <a:pt x="8400250" y="6040435"/>
                </a:lnTo>
                <a:close/>
                <a:moveTo>
                  <a:pt x="8186348" y="6040435"/>
                </a:moveTo>
                <a:lnTo>
                  <a:pt x="8186348" y="6111736"/>
                </a:lnTo>
                <a:lnTo>
                  <a:pt x="8257649" y="6111736"/>
                </a:lnTo>
                <a:lnTo>
                  <a:pt x="8257649" y="6040435"/>
                </a:lnTo>
                <a:close/>
                <a:moveTo>
                  <a:pt x="8043675" y="6040435"/>
                </a:moveTo>
                <a:lnTo>
                  <a:pt x="8043675" y="6111736"/>
                </a:lnTo>
                <a:lnTo>
                  <a:pt x="8114976" y="6111736"/>
                </a:lnTo>
                <a:lnTo>
                  <a:pt x="8114976" y="6040435"/>
                </a:lnTo>
                <a:close/>
                <a:moveTo>
                  <a:pt x="7901003" y="6040435"/>
                </a:moveTo>
                <a:lnTo>
                  <a:pt x="7901003" y="6111736"/>
                </a:lnTo>
                <a:lnTo>
                  <a:pt x="7972304" y="6111736"/>
                </a:lnTo>
                <a:lnTo>
                  <a:pt x="7972304" y="6040435"/>
                </a:lnTo>
                <a:close/>
                <a:moveTo>
                  <a:pt x="7758401" y="6040435"/>
                </a:moveTo>
                <a:lnTo>
                  <a:pt x="7758401" y="6111736"/>
                </a:lnTo>
                <a:lnTo>
                  <a:pt x="7829702" y="6111736"/>
                </a:lnTo>
                <a:lnTo>
                  <a:pt x="7829702" y="6040435"/>
                </a:lnTo>
                <a:close/>
                <a:moveTo>
                  <a:pt x="7615728" y="6040435"/>
                </a:moveTo>
                <a:lnTo>
                  <a:pt x="7615728" y="6111736"/>
                </a:lnTo>
                <a:lnTo>
                  <a:pt x="7687029" y="6111736"/>
                </a:lnTo>
                <a:lnTo>
                  <a:pt x="7687029" y="6040435"/>
                </a:lnTo>
                <a:close/>
                <a:moveTo>
                  <a:pt x="7473127" y="6040435"/>
                </a:moveTo>
                <a:lnTo>
                  <a:pt x="7473127" y="6111736"/>
                </a:lnTo>
                <a:lnTo>
                  <a:pt x="7544428" y="6111736"/>
                </a:lnTo>
                <a:lnTo>
                  <a:pt x="7544428" y="6040435"/>
                </a:lnTo>
                <a:close/>
                <a:moveTo>
                  <a:pt x="7330454" y="6040435"/>
                </a:moveTo>
                <a:lnTo>
                  <a:pt x="7330454" y="6111736"/>
                </a:lnTo>
                <a:lnTo>
                  <a:pt x="7401755" y="6111736"/>
                </a:lnTo>
                <a:lnTo>
                  <a:pt x="7401755" y="6040435"/>
                </a:lnTo>
                <a:close/>
                <a:moveTo>
                  <a:pt x="7187853" y="6040435"/>
                </a:moveTo>
                <a:lnTo>
                  <a:pt x="7187853" y="6111736"/>
                </a:lnTo>
                <a:lnTo>
                  <a:pt x="7259154" y="6111736"/>
                </a:lnTo>
                <a:lnTo>
                  <a:pt x="7259154" y="6040435"/>
                </a:lnTo>
                <a:close/>
                <a:moveTo>
                  <a:pt x="7045180" y="6040435"/>
                </a:moveTo>
                <a:lnTo>
                  <a:pt x="7045180" y="6111736"/>
                </a:lnTo>
                <a:lnTo>
                  <a:pt x="7116481" y="6111736"/>
                </a:lnTo>
                <a:lnTo>
                  <a:pt x="7116481" y="6040435"/>
                </a:lnTo>
                <a:close/>
                <a:moveTo>
                  <a:pt x="6902579" y="6040435"/>
                </a:moveTo>
                <a:lnTo>
                  <a:pt x="6902579" y="6111736"/>
                </a:lnTo>
                <a:lnTo>
                  <a:pt x="6973880" y="6111736"/>
                </a:lnTo>
                <a:lnTo>
                  <a:pt x="6973880" y="6040435"/>
                </a:lnTo>
                <a:close/>
                <a:moveTo>
                  <a:pt x="6759906" y="6040435"/>
                </a:moveTo>
                <a:lnTo>
                  <a:pt x="6759906" y="6111736"/>
                </a:lnTo>
                <a:lnTo>
                  <a:pt x="6831207" y="6111736"/>
                </a:lnTo>
                <a:lnTo>
                  <a:pt x="6831207" y="6040435"/>
                </a:lnTo>
                <a:close/>
                <a:moveTo>
                  <a:pt x="6617234" y="6040435"/>
                </a:moveTo>
                <a:lnTo>
                  <a:pt x="6617234" y="6111736"/>
                </a:lnTo>
                <a:lnTo>
                  <a:pt x="6688535" y="6111736"/>
                </a:lnTo>
                <a:lnTo>
                  <a:pt x="6688535" y="6040435"/>
                </a:lnTo>
                <a:close/>
                <a:moveTo>
                  <a:pt x="6474632" y="6040435"/>
                </a:moveTo>
                <a:lnTo>
                  <a:pt x="6474632" y="6111736"/>
                </a:lnTo>
                <a:lnTo>
                  <a:pt x="6545933" y="6111736"/>
                </a:lnTo>
                <a:lnTo>
                  <a:pt x="6545933" y="6040435"/>
                </a:lnTo>
                <a:close/>
                <a:moveTo>
                  <a:pt x="6331959" y="6040435"/>
                </a:moveTo>
                <a:lnTo>
                  <a:pt x="6331959" y="6111736"/>
                </a:lnTo>
                <a:lnTo>
                  <a:pt x="6403260" y="6111736"/>
                </a:lnTo>
                <a:lnTo>
                  <a:pt x="6403260" y="6040435"/>
                </a:lnTo>
                <a:close/>
                <a:moveTo>
                  <a:pt x="6189358" y="6040435"/>
                </a:moveTo>
                <a:lnTo>
                  <a:pt x="6189358" y="6111736"/>
                </a:lnTo>
                <a:lnTo>
                  <a:pt x="6260659" y="6111736"/>
                </a:lnTo>
                <a:lnTo>
                  <a:pt x="6260659" y="6040435"/>
                </a:lnTo>
                <a:close/>
                <a:moveTo>
                  <a:pt x="6046689" y="6040435"/>
                </a:moveTo>
                <a:lnTo>
                  <a:pt x="6046689" y="6111736"/>
                </a:lnTo>
                <a:lnTo>
                  <a:pt x="6117986" y="6111736"/>
                </a:lnTo>
                <a:lnTo>
                  <a:pt x="6117986" y="6040435"/>
                </a:lnTo>
                <a:close/>
                <a:moveTo>
                  <a:pt x="5904022" y="6040435"/>
                </a:moveTo>
                <a:lnTo>
                  <a:pt x="5904022" y="6111736"/>
                </a:lnTo>
                <a:lnTo>
                  <a:pt x="5975319" y="6111736"/>
                </a:lnTo>
                <a:lnTo>
                  <a:pt x="5975319" y="6040435"/>
                </a:lnTo>
                <a:close/>
                <a:moveTo>
                  <a:pt x="5761426" y="6040435"/>
                </a:moveTo>
                <a:lnTo>
                  <a:pt x="5761426" y="6111736"/>
                </a:lnTo>
                <a:lnTo>
                  <a:pt x="5832724" y="6111736"/>
                </a:lnTo>
                <a:lnTo>
                  <a:pt x="5832724" y="6040435"/>
                </a:lnTo>
                <a:close/>
                <a:moveTo>
                  <a:pt x="5618761" y="6040435"/>
                </a:moveTo>
                <a:lnTo>
                  <a:pt x="5618761" y="6111736"/>
                </a:lnTo>
                <a:lnTo>
                  <a:pt x="5690059" y="6111736"/>
                </a:lnTo>
                <a:lnTo>
                  <a:pt x="5690059" y="6040435"/>
                </a:lnTo>
                <a:close/>
                <a:moveTo>
                  <a:pt x="5476167" y="6040435"/>
                </a:moveTo>
                <a:lnTo>
                  <a:pt x="5476167" y="6111736"/>
                </a:lnTo>
                <a:lnTo>
                  <a:pt x="5547465" y="6111736"/>
                </a:lnTo>
                <a:lnTo>
                  <a:pt x="5547465" y="6040435"/>
                </a:lnTo>
                <a:close/>
                <a:moveTo>
                  <a:pt x="5333502" y="6040435"/>
                </a:moveTo>
                <a:lnTo>
                  <a:pt x="5333502" y="6111736"/>
                </a:lnTo>
                <a:lnTo>
                  <a:pt x="5404800" y="6111736"/>
                </a:lnTo>
                <a:lnTo>
                  <a:pt x="5404800" y="6040435"/>
                </a:lnTo>
                <a:close/>
                <a:moveTo>
                  <a:pt x="5190877" y="6040435"/>
                </a:moveTo>
                <a:lnTo>
                  <a:pt x="5190877" y="6111736"/>
                </a:lnTo>
                <a:lnTo>
                  <a:pt x="5262188" y="6111736"/>
                </a:lnTo>
                <a:lnTo>
                  <a:pt x="5262188" y="6040435"/>
                </a:lnTo>
                <a:close/>
                <a:moveTo>
                  <a:pt x="5048236" y="6040435"/>
                </a:moveTo>
                <a:lnTo>
                  <a:pt x="5048236" y="6111736"/>
                </a:lnTo>
                <a:lnTo>
                  <a:pt x="5119527" y="6111736"/>
                </a:lnTo>
                <a:lnTo>
                  <a:pt x="5119527" y="6040435"/>
                </a:lnTo>
                <a:close/>
                <a:moveTo>
                  <a:pt x="4906607" y="6040435"/>
                </a:moveTo>
                <a:lnTo>
                  <a:pt x="4906607" y="6111736"/>
                </a:lnTo>
                <a:lnTo>
                  <a:pt x="4977916" y="6111736"/>
                </a:lnTo>
                <a:lnTo>
                  <a:pt x="4977916" y="6040435"/>
                </a:lnTo>
                <a:close/>
                <a:moveTo>
                  <a:pt x="4764013" y="6040435"/>
                </a:moveTo>
                <a:lnTo>
                  <a:pt x="4764013" y="6111736"/>
                </a:lnTo>
                <a:lnTo>
                  <a:pt x="4835311" y="6111736"/>
                </a:lnTo>
                <a:lnTo>
                  <a:pt x="4835311" y="6040435"/>
                </a:lnTo>
                <a:close/>
                <a:moveTo>
                  <a:pt x="4621341" y="6040435"/>
                </a:moveTo>
                <a:lnTo>
                  <a:pt x="4621341" y="6111736"/>
                </a:lnTo>
                <a:lnTo>
                  <a:pt x="4692639" y="6111736"/>
                </a:lnTo>
                <a:lnTo>
                  <a:pt x="4692639" y="6040435"/>
                </a:lnTo>
                <a:close/>
                <a:moveTo>
                  <a:pt x="4478666" y="6040435"/>
                </a:moveTo>
                <a:lnTo>
                  <a:pt x="4478666" y="6111736"/>
                </a:lnTo>
                <a:lnTo>
                  <a:pt x="4549971" y="6111736"/>
                </a:lnTo>
                <a:lnTo>
                  <a:pt x="4549971" y="6040435"/>
                </a:lnTo>
                <a:close/>
                <a:moveTo>
                  <a:pt x="4336067" y="6040435"/>
                </a:moveTo>
                <a:lnTo>
                  <a:pt x="4336067" y="6111736"/>
                </a:lnTo>
                <a:lnTo>
                  <a:pt x="4407366" y="6111736"/>
                </a:lnTo>
                <a:lnTo>
                  <a:pt x="4407366" y="6040435"/>
                </a:lnTo>
                <a:close/>
                <a:moveTo>
                  <a:pt x="4193413" y="6040435"/>
                </a:moveTo>
                <a:lnTo>
                  <a:pt x="4193413" y="6111736"/>
                </a:lnTo>
                <a:lnTo>
                  <a:pt x="4264695" y="6111736"/>
                </a:lnTo>
                <a:lnTo>
                  <a:pt x="4264695" y="6040435"/>
                </a:lnTo>
                <a:close/>
                <a:moveTo>
                  <a:pt x="4050810" y="6040435"/>
                </a:moveTo>
                <a:lnTo>
                  <a:pt x="4050810" y="6111736"/>
                </a:lnTo>
                <a:lnTo>
                  <a:pt x="4122113" y="6111736"/>
                </a:lnTo>
                <a:lnTo>
                  <a:pt x="4122113" y="6040435"/>
                </a:lnTo>
                <a:close/>
                <a:moveTo>
                  <a:pt x="3908138" y="6040435"/>
                </a:moveTo>
                <a:lnTo>
                  <a:pt x="3908138" y="6111736"/>
                </a:lnTo>
                <a:lnTo>
                  <a:pt x="3979439" y="6111736"/>
                </a:lnTo>
                <a:lnTo>
                  <a:pt x="3979439" y="6040435"/>
                </a:lnTo>
                <a:close/>
                <a:moveTo>
                  <a:pt x="3765464" y="6040435"/>
                </a:moveTo>
                <a:lnTo>
                  <a:pt x="3765464" y="6111736"/>
                </a:lnTo>
                <a:lnTo>
                  <a:pt x="3836763" y="6111736"/>
                </a:lnTo>
                <a:lnTo>
                  <a:pt x="3836763" y="6040435"/>
                </a:lnTo>
                <a:close/>
                <a:moveTo>
                  <a:pt x="3622853" y="6040435"/>
                </a:moveTo>
                <a:lnTo>
                  <a:pt x="3622853" y="6111736"/>
                </a:lnTo>
                <a:lnTo>
                  <a:pt x="3694151" y="6111736"/>
                </a:lnTo>
                <a:lnTo>
                  <a:pt x="3694151" y="6040435"/>
                </a:lnTo>
                <a:close/>
                <a:moveTo>
                  <a:pt x="3480203" y="6040435"/>
                </a:moveTo>
                <a:lnTo>
                  <a:pt x="3480203" y="6111736"/>
                </a:lnTo>
                <a:lnTo>
                  <a:pt x="3551511" y="6111736"/>
                </a:lnTo>
                <a:lnTo>
                  <a:pt x="3551511" y="6040435"/>
                </a:lnTo>
                <a:close/>
                <a:moveTo>
                  <a:pt x="3337579" y="6040435"/>
                </a:moveTo>
                <a:lnTo>
                  <a:pt x="3337579" y="6111736"/>
                </a:lnTo>
                <a:lnTo>
                  <a:pt x="3408880" y="6111736"/>
                </a:lnTo>
                <a:lnTo>
                  <a:pt x="3408880" y="6040435"/>
                </a:lnTo>
                <a:close/>
                <a:moveTo>
                  <a:pt x="3194906" y="6040435"/>
                </a:moveTo>
                <a:lnTo>
                  <a:pt x="3194906" y="6111736"/>
                </a:lnTo>
                <a:lnTo>
                  <a:pt x="3266208" y="6111736"/>
                </a:lnTo>
                <a:lnTo>
                  <a:pt x="3266208" y="6040435"/>
                </a:lnTo>
                <a:close/>
                <a:moveTo>
                  <a:pt x="3052305" y="6040435"/>
                </a:moveTo>
                <a:lnTo>
                  <a:pt x="3052305" y="6111736"/>
                </a:lnTo>
                <a:lnTo>
                  <a:pt x="3123607" y="6111736"/>
                </a:lnTo>
                <a:lnTo>
                  <a:pt x="3123607" y="6040435"/>
                </a:lnTo>
                <a:close/>
                <a:moveTo>
                  <a:pt x="2909634" y="6040435"/>
                </a:moveTo>
                <a:lnTo>
                  <a:pt x="2909634" y="6111736"/>
                </a:lnTo>
                <a:lnTo>
                  <a:pt x="2980934" y="6111736"/>
                </a:lnTo>
                <a:lnTo>
                  <a:pt x="2980934" y="6040435"/>
                </a:lnTo>
                <a:close/>
                <a:moveTo>
                  <a:pt x="2767033" y="6040435"/>
                </a:moveTo>
                <a:lnTo>
                  <a:pt x="2767033" y="6111736"/>
                </a:lnTo>
                <a:lnTo>
                  <a:pt x="2838334" y="6111736"/>
                </a:lnTo>
                <a:lnTo>
                  <a:pt x="2838334" y="6040435"/>
                </a:lnTo>
                <a:close/>
                <a:moveTo>
                  <a:pt x="2624361" y="6040435"/>
                </a:moveTo>
                <a:lnTo>
                  <a:pt x="2624361" y="6111736"/>
                </a:lnTo>
                <a:lnTo>
                  <a:pt x="2695662" y="6111736"/>
                </a:lnTo>
                <a:lnTo>
                  <a:pt x="2695662" y="6040435"/>
                </a:lnTo>
                <a:close/>
                <a:moveTo>
                  <a:pt x="2481690" y="6040435"/>
                </a:moveTo>
                <a:lnTo>
                  <a:pt x="2481690" y="6111736"/>
                </a:lnTo>
                <a:lnTo>
                  <a:pt x="2552991" y="6111736"/>
                </a:lnTo>
                <a:lnTo>
                  <a:pt x="2552991" y="6040435"/>
                </a:lnTo>
                <a:close/>
                <a:moveTo>
                  <a:pt x="2339091" y="6040435"/>
                </a:moveTo>
                <a:lnTo>
                  <a:pt x="2339091" y="6111736"/>
                </a:lnTo>
                <a:lnTo>
                  <a:pt x="2410392" y="6111736"/>
                </a:lnTo>
                <a:lnTo>
                  <a:pt x="2410392" y="6040435"/>
                </a:lnTo>
                <a:close/>
                <a:moveTo>
                  <a:pt x="2196420" y="6040435"/>
                </a:moveTo>
                <a:lnTo>
                  <a:pt x="2196420" y="6111736"/>
                </a:lnTo>
                <a:lnTo>
                  <a:pt x="2267721" y="6111736"/>
                </a:lnTo>
                <a:lnTo>
                  <a:pt x="2267721" y="6040435"/>
                </a:lnTo>
                <a:close/>
                <a:moveTo>
                  <a:pt x="2053813" y="6040435"/>
                </a:moveTo>
                <a:lnTo>
                  <a:pt x="2053813" y="6111736"/>
                </a:lnTo>
                <a:lnTo>
                  <a:pt x="2125117" y="6111736"/>
                </a:lnTo>
                <a:lnTo>
                  <a:pt x="2125117" y="6040435"/>
                </a:lnTo>
                <a:close/>
                <a:moveTo>
                  <a:pt x="1911141" y="6040435"/>
                </a:moveTo>
                <a:lnTo>
                  <a:pt x="1911141" y="6111736"/>
                </a:lnTo>
                <a:lnTo>
                  <a:pt x="1982442" y="6111736"/>
                </a:lnTo>
                <a:lnTo>
                  <a:pt x="1982442" y="6040435"/>
                </a:lnTo>
                <a:close/>
                <a:moveTo>
                  <a:pt x="1768471" y="6040435"/>
                </a:moveTo>
                <a:lnTo>
                  <a:pt x="1768471" y="6111736"/>
                </a:lnTo>
                <a:lnTo>
                  <a:pt x="1839771" y="6111736"/>
                </a:lnTo>
                <a:lnTo>
                  <a:pt x="1839771" y="6040435"/>
                </a:lnTo>
                <a:close/>
                <a:moveTo>
                  <a:pt x="1625870" y="6040435"/>
                </a:moveTo>
                <a:lnTo>
                  <a:pt x="1625870" y="6111736"/>
                </a:lnTo>
                <a:lnTo>
                  <a:pt x="1697171" y="6111736"/>
                </a:lnTo>
                <a:lnTo>
                  <a:pt x="1697171" y="6040435"/>
                </a:lnTo>
                <a:close/>
                <a:moveTo>
                  <a:pt x="1483200" y="6040435"/>
                </a:moveTo>
                <a:lnTo>
                  <a:pt x="1483200" y="6111736"/>
                </a:lnTo>
                <a:lnTo>
                  <a:pt x="1554500" y="6111736"/>
                </a:lnTo>
                <a:lnTo>
                  <a:pt x="1554500" y="6040435"/>
                </a:lnTo>
                <a:close/>
                <a:moveTo>
                  <a:pt x="1340599" y="6040435"/>
                </a:moveTo>
                <a:lnTo>
                  <a:pt x="1340599" y="6111736"/>
                </a:lnTo>
                <a:lnTo>
                  <a:pt x="1411901" y="6111736"/>
                </a:lnTo>
                <a:lnTo>
                  <a:pt x="1411901" y="6040435"/>
                </a:lnTo>
                <a:close/>
                <a:moveTo>
                  <a:pt x="1197930" y="6040435"/>
                </a:moveTo>
                <a:lnTo>
                  <a:pt x="1197930" y="6111736"/>
                </a:lnTo>
                <a:lnTo>
                  <a:pt x="1269231" y="6111736"/>
                </a:lnTo>
                <a:lnTo>
                  <a:pt x="1269231" y="6040435"/>
                </a:lnTo>
                <a:close/>
                <a:moveTo>
                  <a:pt x="1055312" y="6040435"/>
                </a:moveTo>
                <a:lnTo>
                  <a:pt x="1055312" y="6111736"/>
                </a:lnTo>
                <a:lnTo>
                  <a:pt x="1126613" y="6111736"/>
                </a:lnTo>
                <a:lnTo>
                  <a:pt x="1126613" y="6040435"/>
                </a:lnTo>
                <a:close/>
                <a:moveTo>
                  <a:pt x="912657" y="6040435"/>
                </a:moveTo>
                <a:lnTo>
                  <a:pt x="912657" y="6111736"/>
                </a:lnTo>
                <a:lnTo>
                  <a:pt x="983958" y="6111736"/>
                </a:lnTo>
                <a:lnTo>
                  <a:pt x="983958" y="6040435"/>
                </a:lnTo>
                <a:close/>
                <a:moveTo>
                  <a:pt x="771136" y="6040435"/>
                </a:moveTo>
                <a:lnTo>
                  <a:pt x="771136" y="6111736"/>
                </a:lnTo>
                <a:lnTo>
                  <a:pt x="842437" y="6111736"/>
                </a:lnTo>
                <a:lnTo>
                  <a:pt x="842437" y="6040435"/>
                </a:lnTo>
                <a:close/>
                <a:moveTo>
                  <a:pt x="628535" y="6040435"/>
                </a:moveTo>
                <a:lnTo>
                  <a:pt x="628535" y="6111736"/>
                </a:lnTo>
                <a:lnTo>
                  <a:pt x="699836" y="6111736"/>
                </a:lnTo>
                <a:lnTo>
                  <a:pt x="699836" y="6040435"/>
                </a:lnTo>
                <a:close/>
                <a:moveTo>
                  <a:pt x="485863" y="6040435"/>
                </a:moveTo>
                <a:lnTo>
                  <a:pt x="485863" y="6111736"/>
                </a:lnTo>
                <a:lnTo>
                  <a:pt x="557163" y="6111736"/>
                </a:lnTo>
                <a:lnTo>
                  <a:pt x="557163" y="6040435"/>
                </a:lnTo>
                <a:close/>
                <a:moveTo>
                  <a:pt x="343191" y="6040435"/>
                </a:moveTo>
                <a:lnTo>
                  <a:pt x="343191" y="6111736"/>
                </a:lnTo>
                <a:lnTo>
                  <a:pt x="414492" y="6111736"/>
                </a:lnTo>
                <a:lnTo>
                  <a:pt x="414492" y="6040435"/>
                </a:lnTo>
                <a:close/>
                <a:moveTo>
                  <a:pt x="200591" y="6040435"/>
                </a:moveTo>
                <a:lnTo>
                  <a:pt x="200591" y="6111736"/>
                </a:lnTo>
                <a:lnTo>
                  <a:pt x="271892" y="6111736"/>
                </a:lnTo>
                <a:lnTo>
                  <a:pt x="271892" y="6040435"/>
                </a:lnTo>
                <a:close/>
                <a:moveTo>
                  <a:pt x="57918" y="6040435"/>
                </a:moveTo>
                <a:lnTo>
                  <a:pt x="57918" y="6111736"/>
                </a:lnTo>
                <a:lnTo>
                  <a:pt x="129219" y="6111736"/>
                </a:lnTo>
                <a:lnTo>
                  <a:pt x="129219" y="6040435"/>
                </a:lnTo>
                <a:close/>
                <a:moveTo>
                  <a:pt x="0" y="0"/>
                </a:moveTo>
                <a:lnTo>
                  <a:pt x="12191941" y="0"/>
                </a:lnTo>
                <a:lnTo>
                  <a:pt x="12191941" y="6857967"/>
                </a:lnTo>
                <a:lnTo>
                  <a:pt x="0" y="6857967"/>
                </a:lnTo>
                <a:close/>
              </a:path>
            </a:pathLst>
          </a:custGeom>
          <a:noFill/>
          <a:ln>
            <a:noFill/>
          </a:ln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  <a:ext uri="{91240B29-F687-4F45-9708-019B960494DF}">
              <a14:hiddenLine xmlns:a14="http://schemas.microsoft.com/office/drawing/2010/main" w="9525">
                <a:solidFill>
                  <a:srgbClr val="000000"/>
                </a:solidFill>
                <a:miter lim="800000"/>
                <a:headEnd/>
                <a:tailEnd/>
              </a14:hiddenLine>
            </a:ext>
          </a:extLst>
        </p:spPr>
        <p:txBody>
          <a:bodyPr wrap="square" bIns="900000" anchor="b">
            <a:noAutofit/>
          </a:bodyPr>
          <a:lstStyle>
            <a:lvl1pPr marL="0" indent="0">
              <a:buNone/>
              <a:defRPr b="0"/>
            </a:lvl1pPr>
          </a:lstStyle>
          <a:p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hier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ies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fbeelding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uit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de Templafy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bibliotheek</a:t>
            </a:r>
            <a:b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</a:b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óf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lik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met de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rechtermuisknop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en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kies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voor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Opvulling</a:t>
            </a:r>
            <a:r>
              <a:rPr lang="en-GB" sz="1800" i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 &gt; </a:t>
            </a:r>
            <a:r>
              <a:rPr lang="en-GB" sz="1800" i="1" err="1">
                <a:solidFill>
                  <a:srgbClr val="000000"/>
                </a:solidFill>
                <a:effectLst/>
                <a:latin typeface="Arial" panose="020B0604020202020204" pitchFamily="34" charset="0"/>
              </a:rPr>
              <a:t>Afbeelding</a:t>
            </a:r>
            <a:endParaRPr lang="en-US"/>
          </a:p>
        </p:txBody>
      </p:sp>
      <p:sp>
        <p:nvSpPr>
          <p:cNvPr id="250" name="Text Placeholder 249">
            <a:extLst>
              <a:ext uri="{FF2B5EF4-FFF2-40B4-BE49-F238E27FC236}">
                <a16:creationId xmlns:a16="http://schemas.microsoft.com/office/drawing/2014/main" id="{E0748938-00AC-4F09-808F-788D0CB4BC56}"/>
              </a:ext>
            </a:extLst>
          </p:cNvPr>
          <p:cNvSpPr>
            <a:spLocks noGrp="1"/>
          </p:cNvSpPr>
          <p:nvPr>
            <p:ph type="body" sz="quarter" idx="14" hasCustomPrompt="1"/>
          </p:nvPr>
        </p:nvSpPr>
        <p:spPr bwMode="auto">
          <a:xfrm>
            <a:off x="2711234" y="33"/>
            <a:ext cx="9497977" cy="6857968"/>
          </a:xfrm>
          <a:custGeom>
            <a:avLst/>
            <a:gdLst>
              <a:gd name="connsiteX0" fmla="*/ 6330995 w 9497977"/>
              <a:gd name="connsiteY0" fmla="*/ 6474347 h 6857968"/>
              <a:gd name="connsiteX1" fmla="*/ 6330995 w 9497977"/>
              <a:gd name="connsiteY1" fmla="*/ 6545648 h 6857968"/>
              <a:gd name="connsiteX2" fmla="*/ 6402296 w 9497977"/>
              <a:gd name="connsiteY2" fmla="*/ 6545648 h 6857968"/>
              <a:gd name="connsiteX3" fmla="*/ 6402296 w 9497977"/>
              <a:gd name="connsiteY3" fmla="*/ 6474347 h 6857968"/>
              <a:gd name="connsiteX4" fmla="*/ 6188393 w 9497977"/>
              <a:gd name="connsiteY4" fmla="*/ 6474347 h 6857968"/>
              <a:gd name="connsiteX5" fmla="*/ 6188393 w 9497977"/>
              <a:gd name="connsiteY5" fmla="*/ 6545648 h 6857968"/>
              <a:gd name="connsiteX6" fmla="*/ 6259694 w 9497977"/>
              <a:gd name="connsiteY6" fmla="*/ 6545648 h 6857968"/>
              <a:gd name="connsiteX7" fmla="*/ 6259694 w 9497977"/>
              <a:gd name="connsiteY7" fmla="*/ 6474347 h 6857968"/>
              <a:gd name="connsiteX8" fmla="*/ 6045721 w 9497977"/>
              <a:gd name="connsiteY8" fmla="*/ 6474347 h 6857968"/>
              <a:gd name="connsiteX9" fmla="*/ 6045721 w 9497977"/>
              <a:gd name="connsiteY9" fmla="*/ 6545648 h 6857968"/>
              <a:gd name="connsiteX10" fmla="*/ 6117021 w 9497977"/>
              <a:gd name="connsiteY10" fmla="*/ 6545648 h 6857968"/>
              <a:gd name="connsiteX11" fmla="*/ 6117021 w 9497977"/>
              <a:gd name="connsiteY11" fmla="*/ 6474347 h 6857968"/>
              <a:gd name="connsiteX12" fmla="*/ 5903048 w 9497977"/>
              <a:gd name="connsiteY12" fmla="*/ 6474347 h 6857968"/>
              <a:gd name="connsiteX13" fmla="*/ 5903048 w 9497977"/>
              <a:gd name="connsiteY13" fmla="*/ 6545648 h 6857968"/>
              <a:gd name="connsiteX14" fmla="*/ 5974349 w 9497977"/>
              <a:gd name="connsiteY14" fmla="*/ 6545648 h 6857968"/>
              <a:gd name="connsiteX15" fmla="*/ 5974349 w 9497977"/>
              <a:gd name="connsiteY15" fmla="*/ 6474347 h 6857968"/>
              <a:gd name="connsiteX16" fmla="*/ 5760447 w 9497977"/>
              <a:gd name="connsiteY16" fmla="*/ 6474347 h 6857968"/>
              <a:gd name="connsiteX17" fmla="*/ 5760447 w 9497977"/>
              <a:gd name="connsiteY17" fmla="*/ 6545648 h 6857968"/>
              <a:gd name="connsiteX18" fmla="*/ 5831748 w 9497977"/>
              <a:gd name="connsiteY18" fmla="*/ 6545648 h 6857968"/>
              <a:gd name="connsiteX19" fmla="*/ 5831748 w 9497977"/>
              <a:gd name="connsiteY19" fmla="*/ 6474347 h 6857968"/>
              <a:gd name="connsiteX20" fmla="*/ 5617774 w 9497977"/>
              <a:gd name="connsiteY20" fmla="*/ 6474347 h 6857968"/>
              <a:gd name="connsiteX21" fmla="*/ 5617774 w 9497977"/>
              <a:gd name="connsiteY21" fmla="*/ 6545648 h 6857968"/>
              <a:gd name="connsiteX22" fmla="*/ 5689075 w 9497977"/>
              <a:gd name="connsiteY22" fmla="*/ 6545648 h 6857968"/>
              <a:gd name="connsiteX23" fmla="*/ 5689075 w 9497977"/>
              <a:gd name="connsiteY23" fmla="*/ 6474347 h 6857968"/>
              <a:gd name="connsiteX24" fmla="*/ 5475173 w 9497977"/>
              <a:gd name="connsiteY24" fmla="*/ 6474347 h 6857968"/>
              <a:gd name="connsiteX25" fmla="*/ 5475173 w 9497977"/>
              <a:gd name="connsiteY25" fmla="*/ 6545648 h 6857968"/>
              <a:gd name="connsiteX26" fmla="*/ 5546474 w 9497977"/>
              <a:gd name="connsiteY26" fmla="*/ 6545648 h 6857968"/>
              <a:gd name="connsiteX27" fmla="*/ 5546474 w 9497977"/>
              <a:gd name="connsiteY27" fmla="*/ 6474347 h 6857968"/>
              <a:gd name="connsiteX28" fmla="*/ 5332500 w 9497977"/>
              <a:gd name="connsiteY28" fmla="*/ 6474347 h 6857968"/>
              <a:gd name="connsiteX29" fmla="*/ 5332500 w 9497977"/>
              <a:gd name="connsiteY29" fmla="*/ 6545648 h 6857968"/>
              <a:gd name="connsiteX30" fmla="*/ 5403801 w 9497977"/>
              <a:gd name="connsiteY30" fmla="*/ 6545648 h 6857968"/>
              <a:gd name="connsiteX31" fmla="*/ 5403801 w 9497977"/>
              <a:gd name="connsiteY31" fmla="*/ 6474347 h 6857968"/>
              <a:gd name="connsiteX32" fmla="*/ 5189828 w 9497977"/>
              <a:gd name="connsiteY32" fmla="*/ 6474347 h 6857968"/>
              <a:gd name="connsiteX33" fmla="*/ 5189828 w 9497977"/>
              <a:gd name="connsiteY33" fmla="*/ 6545648 h 6857968"/>
              <a:gd name="connsiteX34" fmla="*/ 5261129 w 9497977"/>
              <a:gd name="connsiteY34" fmla="*/ 6545648 h 6857968"/>
              <a:gd name="connsiteX35" fmla="*/ 5261129 w 9497977"/>
              <a:gd name="connsiteY35" fmla="*/ 6474347 h 6857968"/>
              <a:gd name="connsiteX36" fmla="*/ 5047226 w 9497977"/>
              <a:gd name="connsiteY36" fmla="*/ 6474347 h 6857968"/>
              <a:gd name="connsiteX37" fmla="*/ 5047226 w 9497977"/>
              <a:gd name="connsiteY37" fmla="*/ 6545648 h 6857968"/>
              <a:gd name="connsiteX38" fmla="*/ 5118527 w 9497977"/>
              <a:gd name="connsiteY38" fmla="*/ 6545648 h 6857968"/>
              <a:gd name="connsiteX39" fmla="*/ 5118527 w 9497977"/>
              <a:gd name="connsiteY39" fmla="*/ 6474347 h 6857968"/>
              <a:gd name="connsiteX40" fmla="*/ 4904553 w 9497977"/>
              <a:gd name="connsiteY40" fmla="*/ 6474347 h 6857968"/>
              <a:gd name="connsiteX41" fmla="*/ 4904553 w 9497977"/>
              <a:gd name="connsiteY41" fmla="*/ 6545648 h 6857968"/>
              <a:gd name="connsiteX42" fmla="*/ 4975854 w 9497977"/>
              <a:gd name="connsiteY42" fmla="*/ 6545648 h 6857968"/>
              <a:gd name="connsiteX43" fmla="*/ 4975854 w 9497977"/>
              <a:gd name="connsiteY43" fmla="*/ 6474347 h 6857968"/>
              <a:gd name="connsiteX44" fmla="*/ 4761952 w 9497977"/>
              <a:gd name="connsiteY44" fmla="*/ 6474347 h 6857968"/>
              <a:gd name="connsiteX45" fmla="*/ 4761952 w 9497977"/>
              <a:gd name="connsiteY45" fmla="*/ 6545648 h 6857968"/>
              <a:gd name="connsiteX46" fmla="*/ 4833253 w 9497977"/>
              <a:gd name="connsiteY46" fmla="*/ 6545648 h 6857968"/>
              <a:gd name="connsiteX47" fmla="*/ 4833253 w 9497977"/>
              <a:gd name="connsiteY47" fmla="*/ 6474347 h 6857968"/>
              <a:gd name="connsiteX48" fmla="*/ 4619279 w 9497977"/>
              <a:gd name="connsiteY48" fmla="*/ 6474347 h 6857968"/>
              <a:gd name="connsiteX49" fmla="*/ 4619279 w 9497977"/>
              <a:gd name="connsiteY49" fmla="*/ 6545648 h 6857968"/>
              <a:gd name="connsiteX50" fmla="*/ 4690580 w 9497977"/>
              <a:gd name="connsiteY50" fmla="*/ 6545648 h 6857968"/>
              <a:gd name="connsiteX51" fmla="*/ 4690580 w 9497977"/>
              <a:gd name="connsiteY51" fmla="*/ 6474347 h 6857968"/>
              <a:gd name="connsiteX52" fmla="*/ 4476678 w 9497977"/>
              <a:gd name="connsiteY52" fmla="*/ 6474347 h 6857968"/>
              <a:gd name="connsiteX53" fmla="*/ 4476678 w 9497977"/>
              <a:gd name="connsiteY53" fmla="*/ 6545648 h 6857968"/>
              <a:gd name="connsiteX54" fmla="*/ 4547979 w 9497977"/>
              <a:gd name="connsiteY54" fmla="*/ 6545648 h 6857968"/>
              <a:gd name="connsiteX55" fmla="*/ 4547979 w 9497977"/>
              <a:gd name="connsiteY55" fmla="*/ 6474347 h 6857968"/>
              <a:gd name="connsiteX56" fmla="*/ 4334005 w 9497977"/>
              <a:gd name="connsiteY56" fmla="*/ 6474347 h 6857968"/>
              <a:gd name="connsiteX57" fmla="*/ 4334005 w 9497977"/>
              <a:gd name="connsiteY57" fmla="*/ 6545648 h 6857968"/>
              <a:gd name="connsiteX58" fmla="*/ 4405306 w 9497977"/>
              <a:gd name="connsiteY58" fmla="*/ 6545648 h 6857968"/>
              <a:gd name="connsiteX59" fmla="*/ 4405306 w 9497977"/>
              <a:gd name="connsiteY59" fmla="*/ 6474347 h 6857968"/>
              <a:gd name="connsiteX60" fmla="*/ 4191404 w 9497977"/>
              <a:gd name="connsiteY60" fmla="*/ 6474347 h 6857968"/>
              <a:gd name="connsiteX61" fmla="*/ 4191404 w 9497977"/>
              <a:gd name="connsiteY61" fmla="*/ 6545648 h 6857968"/>
              <a:gd name="connsiteX62" fmla="*/ 4262705 w 9497977"/>
              <a:gd name="connsiteY62" fmla="*/ 6545648 h 6857968"/>
              <a:gd name="connsiteX63" fmla="*/ 4262705 w 9497977"/>
              <a:gd name="connsiteY63" fmla="*/ 6474347 h 6857968"/>
              <a:gd name="connsiteX64" fmla="*/ 4048731 w 9497977"/>
              <a:gd name="connsiteY64" fmla="*/ 6474347 h 6857968"/>
              <a:gd name="connsiteX65" fmla="*/ 4048731 w 9497977"/>
              <a:gd name="connsiteY65" fmla="*/ 6545648 h 6857968"/>
              <a:gd name="connsiteX66" fmla="*/ 4120032 w 9497977"/>
              <a:gd name="connsiteY66" fmla="*/ 6545648 h 6857968"/>
              <a:gd name="connsiteX67" fmla="*/ 4120032 w 9497977"/>
              <a:gd name="connsiteY67" fmla="*/ 6474347 h 6857968"/>
              <a:gd name="connsiteX68" fmla="*/ 3906059 w 9497977"/>
              <a:gd name="connsiteY68" fmla="*/ 6474347 h 6857968"/>
              <a:gd name="connsiteX69" fmla="*/ 3906059 w 9497977"/>
              <a:gd name="connsiteY69" fmla="*/ 6545648 h 6857968"/>
              <a:gd name="connsiteX70" fmla="*/ 3977360 w 9497977"/>
              <a:gd name="connsiteY70" fmla="*/ 6545648 h 6857968"/>
              <a:gd name="connsiteX71" fmla="*/ 3977360 w 9497977"/>
              <a:gd name="connsiteY71" fmla="*/ 6474347 h 6857968"/>
              <a:gd name="connsiteX72" fmla="*/ 3763457 w 9497977"/>
              <a:gd name="connsiteY72" fmla="*/ 6474347 h 6857968"/>
              <a:gd name="connsiteX73" fmla="*/ 3763457 w 9497977"/>
              <a:gd name="connsiteY73" fmla="*/ 6545648 h 6857968"/>
              <a:gd name="connsiteX74" fmla="*/ 3834758 w 9497977"/>
              <a:gd name="connsiteY74" fmla="*/ 6545648 h 6857968"/>
              <a:gd name="connsiteX75" fmla="*/ 3834758 w 9497977"/>
              <a:gd name="connsiteY75" fmla="*/ 6474347 h 6857968"/>
              <a:gd name="connsiteX76" fmla="*/ 3620784 w 9497977"/>
              <a:gd name="connsiteY76" fmla="*/ 6474347 h 6857968"/>
              <a:gd name="connsiteX77" fmla="*/ 3620784 w 9497977"/>
              <a:gd name="connsiteY77" fmla="*/ 6545648 h 6857968"/>
              <a:gd name="connsiteX78" fmla="*/ 3692085 w 9497977"/>
              <a:gd name="connsiteY78" fmla="*/ 6545648 h 6857968"/>
              <a:gd name="connsiteX79" fmla="*/ 3692085 w 9497977"/>
              <a:gd name="connsiteY79" fmla="*/ 6474347 h 6857968"/>
              <a:gd name="connsiteX80" fmla="*/ 3478184 w 9497977"/>
              <a:gd name="connsiteY80" fmla="*/ 6474347 h 6857968"/>
              <a:gd name="connsiteX81" fmla="*/ 3478184 w 9497977"/>
              <a:gd name="connsiteY81" fmla="*/ 6545648 h 6857968"/>
              <a:gd name="connsiteX82" fmla="*/ 3549484 w 9497977"/>
              <a:gd name="connsiteY82" fmla="*/ 6545648 h 6857968"/>
              <a:gd name="connsiteX83" fmla="*/ 3549484 w 9497977"/>
              <a:gd name="connsiteY83" fmla="*/ 6474347 h 6857968"/>
              <a:gd name="connsiteX84" fmla="*/ 3335511 w 9497977"/>
              <a:gd name="connsiteY84" fmla="*/ 6474347 h 6857968"/>
              <a:gd name="connsiteX85" fmla="*/ 3335511 w 9497977"/>
              <a:gd name="connsiteY85" fmla="*/ 6545648 h 6857968"/>
              <a:gd name="connsiteX86" fmla="*/ 3406811 w 9497977"/>
              <a:gd name="connsiteY86" fmla="*/ 6545648 h 6857968"/>
              <a:gd name="connsiteX87" fmla="*/ 3406811 w 9497977"/>
              <a:gd name="connsiteY87" fmla="*/ 6474347 h 6857968"/>
              <a:gd name="connsiteX88" fmla="*/ 3192839 w 9497977"/>
              <a:gd name="connsiteY88" fmla="*/ 6474347 h 6857968"/>
              <a:gd name="connsiteX89" fmla="*/ 3192839 w 9497977"/>
              <a:gd name="connsiteY89" fmla="*/ 6545648 h 6857968"/>
              <a:gd name="connsiteX90" fmla="*/ 3264139 w 9497977"/>
              <a:gd name="connsiteY90" fmla="*/ 6545648 h 6857968"/>
              <a:gd name="connsiteX91" fmla="*/ 3264139 w 9497977"/>
              <a:gd name="connsiteY91" fmla="*/ 6474347 h 6857968"/>
              <a:gd name="connsiteX92" fmla="*/ 3050237 w 9497977"/>
              <a:gd name="connsiteY92" fmla="*/ 6474347 h 6857968"/>
              <a:gd name="connsiteX93" fmla="*/ 3050237 w 9497977"/>
              <a:gd name="connsiteY93" fmla="*/ 6545648 h 6857968"/>
              <a:gd name="connsiteX94" fmla="*/ 3121537 w 9497977"/>
              <a:gd name="connsiteY94" fmla="*/ 6545648 h 6857968"/>
              <a:gd name="connsiteX95" fmla="*/ 3121537 w 9497977"/>
              <a:gd name="connsiteY95" fmla="*/ 6474347 h 6857968"/>
              <a:gd name="connsiteX96" fmla="*/ 2907564 w 9497977"/>
              <a:gd name="connsiteY96" fmla="*/ 6474347 h 6857968"/>
              <a:gd name="connsiteX97" fmla="*/ 2907564 w 9497977"/>
              <a:gd name="connsiteY97" fmla="*/ 6545648 h 6857968"/>
              <a:gd name="connsiteX98" fmla="*/ 2978865 w 9497977"/>
              <a:gd name="connsiteY98" fmla="*/ 6545648 h 6857968"/>
              <a:gd name="connsiteX99" fmla="*/ 2978865 w 9497977"/>
              <a:gd name="connsiteY99" fmla="*/ 6474347 h 6857968"/>
              <a:gd name="connsiteX100" fmla="*/ 2764962 w 9497977"/>
              <a:gd name="connsiteY100" fmla="*/ 6474347 h 6857968"/>
              <a:gd name="connsiteX101" fmla="*/ 2764962 w 9497977"/>
              <a:gd name="connsiteY101" fmla="*/ 6545648 h 6857968"/>
              <a:gd name="connsiteX102" fmla="*/ 2836263 w 9497977"/>
              <a:gd name="connsiteY102" fmla="*/ 6545648 h 6857968"/>
              <a:gd name="connsiteX103" fmla="*/ 2836263 w 9497977"/>
              <a:gd name="connsiteY103" fmla="*/ 6474347 h 6857968"/>
              <a:gd name="connsiteX104" fmla="*/ 2622291 w 9497977"/>
              <a:gd name="connsiteY104" fmla="*/ 6474347 h 6857968"/>
              <a:gd name="connsiteX105" fmla="*/ 2622291 w 9497977"/>
              <a:gd name="connsiteY105" fmla="*/ 6545648 h 6857968"/>
              <a:gd name="connsiteX106" fmla="*/ 2693591 w 9497977"/>
              <a:gd name="connsiteY106" fmla="*/ 6545648 h 6857968"/>
              <a:gd name="connsiteX107" fmla="*/ 2693591 w 9497977"/>
              <a:gd name="connsiteY107" fmla="*/ 6474347 h 6857968"/>
              <a:gd name="connsiteX108" fmla="*/ 2479688 w 9497977"/>
              <a:gd name="connsiteY108" fmla="*/ 6474347 h 6857968"/>
              <a:gd name="connsiteX109" fmla="*/ 2479688 w 9497977"/>
              <a:gd name="connsiteY109" fmla="*/ 6545648 h 6857968"/>
              <a:gd name="connsiteX110" fmla="*/ 2550990 w 9497977"/>
              <a:gd name="connsiteY110" fmla="*/ 6545648 h 6857968"/>
              <a:gd name="connsiteX111" fmla="*/ 2550990 w 9497977"/>
              <a:gd name="connsiteY111" fmla="*/ 6474347 h 6857968"/>
              <a:gd name="connsiteX112" fmla="*/ 2337016 w 9497977"/>
              <a:gd name="connsiteY112" fmla="*/ 6474347 h 6857968"/>
              <a:gd name="connsiteX113" fmla="*/ 2337016 w 9497977"/>
              <a:gd name="connsiteY113" fmla="*/ 6545648 h 6857968"/>
              <a:gd name="connsiteX114" fmla="*/ 2408317 w 9497977"/>
              <a:gd name="connsiteY114" fmla="*/ 6545648 h 6857968"/>
              <a:gd name="connsiteX115" fmla="*/ 2408317 w 9497977"/>
              <a:gd name="connsiteY115" fmla="*/ 6474347 h 6857968"/>
              <a:gd name="connsiteX116" fmla="*/ 2195429 w 9497977"/>
              <a:gd name="connsiteY116" fmla="*/ 6474347 h 6857968"/>
              <a:gd name="connsiteX117" fmla="*/ 2195429 w 9497977"/>
              <a:gd name="connsiteY117" fmla="*/ 6545648 h 6857968"/>
              <a:gd name="connsiteX118" fmla="*/ 2266731 w 9497977"/>
              <a:gd name="connsiteY118" fmla="*/ 6545648 h 6857968"/>
              <a:gd name="connsiteX119" fmla="*/ 2266731 w 9497977"/>
              <a:gd name="connsiteY119" fmla="*/ 6474347 h 6857968"/>
              <a:gd name="connsiteX120" fmla="*/ 2052828 w 9497977"/>
              <a:gd name="connsiteY120" fmla="*/ 6474347 h 6857968"/>
              <a:gd name="connsiteX121" fmla="*/ 2052828 w 9497977"/>
              <a:gd name="connsiteY121" fmla="*/ 6545648 h 6857968"/>
              <a:gd name="connsiteX122" fmla="*/ 2124128 w 9497977"/>
              <a:gd name="connsiteY122" fmla="*/ 6545648 h 6857968"/>
              <a:gd name="connsiteX123" fmla="*/ 2124128 w 9497977"/>
              <a:gd name="connsiteY123" fmla="*/ 6474347 h 6857968"/>
              <a:gd name="connsiteX124" fmla="*/ 1910155 w 9497977"/>
              <a:gd name="connsiteY124" fmla="*/ 6474347 h 6857968"/>
              <a:gd name="connsiteX125" fmla="*/ 1910155 w 9497977"/>
              <a:gd name="connsiteY125" fmla="*/ 6545648 h 6857968"/>
              <a:gd name="connsiteX126" fmla="*/ 1981455 w 9497977"/>
              <a:gd name="connsiteY126" fmla="*/ 6545648 h 6857968"/>
              <a:gd name="connsiteX127" fmla="*/ 1981455 w 9497977"/>
              <a:gd name="connsiteY127" fmla="*/ 6474347 h 6857968"/>
              <a:gd name="connsiteX128" fmla="*/ 1767483 w 9497977"/>
              <a:gd name="connsiteY128" fmla="*/ 6474347 h 6857968"/>
              <a:gd name="connsiteX129" fmla="*/ 1767483 w 9497977"/>
              <a:gd name="connsiteY129" fmla="*/ 6545648 h 6857968"/>
              <a:gd name="connsiteX130" fmla="*/ 1838783 w 9497977"/>
              <a:gd name="connsiteY130" fmla="*/ 6545648 h 6857968"/>
              <a:gd name="connsiteX131" fmla="*/ 1838783 w 9497977"/>
              <a:gd name="connsiteY131" fmla="*/ 6474347 h 6857968"/>
              <a:gd name="connsiteX132" fmla="*/ 1624882 w 9497977"/>
              <a:gd name="connsiteY132" fmla="*/ 6474347 h 6857968"/>
              <a:gd name="connsiteX133" fmla="*/ 1624882 w 9497977"/>
              <a:gd name="connsiteY133" fmla="*/ 6545648 h 6857968"/>
              <a:gd name="connsiteX134" fmla="*/ 1696183 w 9497977"/>
              <a:gd name="connsiteY134" fmla="*/ 6545648 h 6857968"/>
              <a:gd name="connsiteX135" fmla="*/ 1696183 w 9497977"/>
              <a:gd name="connsiteY135" fmla="*/ 6474347 h 6857968"/>
              <a:gd name="connsiteX136" fmla="*/ 1482215 w 9497977"/>
              <a:gd name="connsiteY136" fmla="*/ 6474347 h 6857968"/>
              <a:gd name="connsiteX137" fmla="*/ 1482215 w 9497977"/>
              <a:gd name="connsiteY137" fmla="*/ 6545648 h 6857968"/>
              <a:gd name="connsiteX138" fmla="*/ 1553511 w 9497977"/>
              <a:gd name="connsiteY138" fmla="*/ 6545648 h 6857968"/>
              <a:gd name="connsiteX139" fmla="*/ 1553511 w 9497977"/>
              <a:gd name="connsiteY139" fmla="*/ 6474347 h 6857968"/>
              <a:gd name="connsiteX140" fmla="*/ 1339617 w 9497977"/>
              <a:gd name="connsiteY140" fmla="*/ 6474347 h 6857968"/>
              <a:gd name="connsiteX141" fmla="*/ 1339617 w 9497977"/>
              <a:gd name="connsiteY141" fmla="*/ 6545648 h 6857968"/>
              <a:gd name="connsiteX142" fmla="*/ 1410920 w 9497977"/>
              <a:gd name="connsiteY142" fmla="*/ 6545648 h 6857968"/>
              <a:gd name="connsiteX143" fmla="*/ 1410920 w 9497977"/>
              <a:gd name="connsiteY143" fmla="*/ 6474347 h 6857968"/>
              <a:gd name="connsiteX144" fmla="*/ 1196941 w 9497977"/>
              <a:gd name="connsiteY144" fmla="*/ 6474347 h 6857968"/>
              <a:gd name="connsiteX145" fmla="*/ 1196941 w 9497977"/>
              <a:gd name="connsiteY145" fmla="*/ 6545648 h 6857968"/>
              <a:gd name="connsiteX146" fmla="*/ 1268245 w 9497977"/>
              <a:gd name="connsiteY146" fmla="*/ 6545648 h 6857968"/>
              <a:gd name="connsiteX147" fmla="*/ 1268245 w 9497977"/>
              <a:gd name="connsiteY147" fmla="*/ 6474347 h 6857968"/>
              <a:gd name="connsiteX148" fmla="*/ 1054277 w 9497977"/>
              <a:gd name="connsiteY148" fmla="*/ 6474347 h 6857968"/>
              <a:gd name="connsiteX149" fmla="*/ 1054277 w 9497977"/>
              <a:gd name="connsiteY149" fmla="*/ 6545648 h 6857968"/>
              <a:gd name="connsiteX150" fmla="*/ 1125575 w 9497977"/>
              <a:gd name="connsiteY150" fmla="*/ 6545648 h 6857968"/>
              <a:gd name="connsiteX151" fmla="*/ 1125575 w 9497977"/>
              <a:gd name="connsiteY151" fmla="*/ 6474347 h 6857968"/>
              <a:gd name="connsiteX152" fmla="*/ 911663 w 9497977"/>
              <a:gd name="connsiteY152" fmla="*/ 6474347 h 6857968"/>
              <a:gd name="connsiteX153" fmla="*/ 911663 w 9497977"/>
              <a:gd name="connsiteY153" fmla="*/ 6545648 h 6857968"/>
              <a:gd name="connsiteX154" fmla="*/ 982964 w 9497977"/>
              <a:gd name="connsiteY154" fmla="*/ 6545648 h 6857968"/>
              <a:gd name="connsiteX155" fmla="*/ 982964 w 9497977"/>
              <a:gd name="connsiteY155" fmla="*/ 6474347 h 6857968"/>
              <a:gd name="connsiteX156" fmla="*/ 769001 w 9497977"/>
              <a:gd name="connsiteY156" fmla="*/ 6474347 h 6857968"/>
              <a:gd name="connsiteX157" fmla="*/ 769001 w 9497977"/>
              <a:gd name="connsiteY157" fmla="*/ 6545648 h 6857968"/>
              <a:gd name="connsiteX158" fmla="*/ 840299 w 9497977"/>
              <a:gd name="connsiteY158" fmla="*/ 6545648 h 6857968"/>
              <a:gd name="connsiteX159" fmla="*/ 840299 w 9497977"/>
              <a:gd name="connsiteY159" fmla="*/ 6474347 h 6857968"/>
              <a:gd name="connsiteX160" fmla="*/ 626392 w 9497977"/>
              <a:gd name="connsiteY160" fmla="*/ 6474347 h 6857968"/>
              <a:gd name="connsiteX161" fmla="*/ 626392 w 9497977"/>
              <a:gd name="connsiteY161" fmla="*/ 6545648 h 6857968"/>
              <a:gd name="connsiteX162" fmla="*/ 697691 w 9497977"/>
              <a:gd name="connsiteY162" fmla="*/ 6545648 h 6857968"/>
              <a:gd name="connsiteX163" fmla="*/ 697691 w 9497977"/>
              <a:gd name="connsiteY163" fmla="*/ 6474347 h 6857968"/>
              <a:gd name="connsiteX164" fmla="*/ 483718 w 9497977"/>
              <a:gd name="connsiteY164" fmla="*/ 6474347 h 6857968"/>
              <a:gd name="connsiteX165" fmla="*/ 483718 w 9497977"/>
              <a:gd name="connsiteY165" fmla="*/ 6545648 h 6857968"/>
              <a:gd name="connsiteX166" fmla="*/ 555020 w 9497977"/>
              <a:gd name="connsiteY166" fmla="*/ 6545648 h 6857968"/>
              <a:gd name="connsiteX167" fmla="*/ 555020 w 9497977"/>
              <a:gd name="connsiteY167" fmla="*/ 6474347 h 6857968"/>
              <a:gd name="connsiteX168" fmla="*/ 7329490 w 9497977"/>
              <a:gd name="connsiteY168" fmla="*/ 6325709 h 6857968"/>
              <a:gd name="connsiteX169" fmla="*/ 7329490 w 9497977"/>
              <a:gd name="connsiteY169" fmla="*/ 6397010 h 6857968"/>
              <a:gd name="connsiteX170" fmla="*/ 7400791 w 9497977"/>
              <a:gd name="connsiteY170" fmla="*/ 6397010 h 6857968"/>
              <a:gd name="connsiteX171" fmla="*/ 7400791 w 9497977"/>
              <a:gd name="connsiteY171" fmla="*/ 6325709 h 6857968"/>
              <a:gd name="connsiteX172" fmla="*/ 7186888 w 9497977"/>
              <a:gd name="connsiteY172" fmla="*/ 6325709 h 6857968"/>
              <a:gd name="connsiteX173" fmla="*/ 7186888 w 9497977"/>
              <a:gd name="connsiteY173" fmla="*/ 6397010 h 6857968"/>
              <a:gd name="connsiteX174" fmla="*/ 7258188 w 9497977"/>
              <a:gd name="connsiteY174" fmla="*/ 6397010 h 6857968"/>
              <a:gd name="connsiteX175" fmla="*/ 7258188 w 9497977"/>
              <a:gd name="connsiteY175" fmla="*/ 6325709 h 6857968"/>
              <a:gd name="connsiteX176" fmla="*/ 7044216 w 9497977"/>
              <a:gd name="connsiteY176" fmla="*/ 6325709 h 6857968"/>
              <a:gd name="connsiteX177" fmla="*/ 7044216 w 9497977"/>
              <a:gd name="connsiteY177" fmla="*/ 6397010 h 6857968"/>
              <a:gd name="connsiteX178" fmla="*/ 7115517 w 9497977"/>
              <a:gd name="connsiteY178" fmla="*/ 6397010 h 6857968"/>
              <a:gd name="connsiteX179" fmla="*/ 7115517 w 9497977"/>
              <a:gd name="connsiteY179" fmla="*/ 6325709 h 6857968"/>
              <a:gd name="connsiteX180" fmla="*/ 6901543 w 9497977"/>
              <a:gd name="connsiteY180" fmla="*/ 6325709 h 6857968"/>
              <a:gd name="connsiteX181" fmla="*/ 6901543 w 9497977"/>
              <a:gd name="connsiteY181" fmla="*/ 6397010 h 6857968"/>
              <a:gd name="connsiteX182" fmla="*/ 6972844 w 9497977"/>
              <a:gd name="connsiteY182" fmla="*/ 6397010 h 6857968"/>
              <a:gd name="connsiteX183" fmla="*/ 6972844 w 9497977"/>
              <a:gd name="connsiteY183" fmla="*/ 6325709 h 6857968"/>
              <a:gd name="connsiteX184" fmla="*/ 6758942 w 9497977"/>
              <a:gd name="connsiteY184" fmla="*/ 6325709 h 6857968"/>
              <a:gd name="connsiteX185" fmla="*/ 6758942 w 9497977"/>
              <a:gd name="connsiteY185" fmla="*/ 6397010 h 6857968"/>
              <a:gd name="connsiteX186" fmla="*/ 6830242 w 9497977"/>
              <a:gd name="connsiteY186" fmla="*/ 6397010 h 6857968"/>
              <a:gd name="connsiteX187" fmla="*/ 6830242 w 9497977"/>
              <a:gd name="connsiteY187" fmla="*/ 6325709 h 6857968"/>
              <a:gd name="connsiteX188" fmla="*/ 6616269 w 9497977"/>
              <a:gd name="connsiteY188" fmla="*/ 6325709 h 6857968"/>
              <a:gd name="connsiteX189" fmla="*/ 6616269 w 9497977"/>
              <a:gd name="connsiteY189" fmla="*/ 6397010 h 6857968"/>
              <a:gd name="connsiteX190" fmla="*/ 6687570 w 9497977"/>
              <a:gd name="connsiteY190" fmla="*/ 6397010 h 6857968"/>
              <a:gd name="connsiteX191" fmla="*/ 6687570 w 9497977"/>
              <a:gd name="connsiteY191" fmla="*/ 6325709 h 6857968"/>
              <a:gd name="connsiteX192" fmla="*/ 6473667 w 9497977"/>
              <a:gd name="connsiteY192" fmla="*/ 6325709 h 6857968"/>
              <a:gd name="connsiteX193" fmla="*/ 6473667 w 9497977"/>
              <a:gd name="connsiteY193" fmla="*/ 6397010 h 6857968"/>
              <a:gd name="connsiteX194" fmla="*/ 6544968 w 9497977"/>
              <a:gd name="connsiteY194" fmla="*/ 6397010 h 6857968"/>
              <a:gd name="connsiteX195" fmla="*/ 6544968 w 9497977"/>
              <a:gd name="connsiteY195" fmla="*/ 6325709 h 6857968"/>
              <a:gd name="connsiteX196" fmla="*/ 6330995 w 9497977"/>
              <a:gd name="connsiteY196" fmla="*/ 6325709 h 6857968"/>
              <a:gd name="connsiteX197" fmla="*/ 6330995 w 9497977"/>
              <a:gd name="connsiteY197" fmla="*/ 6397010 h 6857968"/>
              <a:gd name="connsiteX198" fmla="*/ 6402296 w 9497977"/>
              <a:gd name="connsiteY198" fmla="*/ 6397010 h 6857968"/>
              <a:gd name="connsiteX199" fmla="*/ 6402296 w 9497977"/>
              <a:gd name="connsiteY199" fmla="*/ 6325709 h 6857968"/>
              <a:gd name="connsiteX200" fmla="*/ 6188393 w 9497977"/>
              <a:gd name="connsiteY200" fmla="*/ 6325709 h 6857968"/>
              <a:gd name="connsiteX201" fmla="*/ 6188393 w 9497977"/>
              <a:gd name="connsiteY201" fmla="*/ 6397010 h 6857968"/>
              <a:gd name="connsiteX202" fmla="*/ 6259694 w 9497977"/>
              <a:gd name="connsiteY202" fmla="*/ 6397010 h 6857968"/>
              <a:gd name="connsiteX203" fmla="*/ 6259694 w 9497977"/>
              <a:gd name="connsiteY203" fmla="*/ 6325709 h 6857968"/>
              <a:gd name="connsiteX204" fmla="*/ 6045721 w 9497977"/>
              <a:gd name="connsiteY204" fmla="*/ 6325709 h 6857968"/>
              <a:gd name="connsiteX205" fmla="*/ 6045721 w 9497977"/>
              <a:gd name="connsiteY205" fmla="*/ 6397010 h 6857968"/>
              <a:gd name="connsiteX206" fmla="*/ 6117021 w 9497977"/>
              <a:gd name="connsiteY206" fmla="*/ 6397010 h 6857968"/>
              <a:gd name="connsiteX207" fmla="*/ 6117021 w 9497977"/>
              <a:gd name="connsiteY207" fmla="*/ 6325709 h 6857968"/>
              <a:gd name="connsiteX208" fmla="*/ 5903048 w 9497977"/>
              <a:gd name="connsiteY208" fmla="*/ 6325709 h 6857968"/>
              <a:gd name="connsiteX209" fmla="*/ 5903048 w 9497977"/>
              <a:gd name="connsiteY209" fmla="*/ 6397010 h 6857968"/>
              <a:gd name="connsiteX210" fmla="*/ 5974349 w 9497977"/>
              <a:gd name="connsiteY210" fmla="*/ 6397010 h 6857968"/>
              <a:gd name="connsiteX211" fmla="*/ 5974349 w 9497977"/>
              <a:gd name="connsiteY211" fmla="*/ 6325709 h 6857968"/>
              <a:gd name="connsiteX212" fmla="*/ 5760447 w 9497977"/>
              <a:gd name="connsiteY212" fmla="*/ 6325709 h 6857968"/>
              <a:gd name="connsiteX213" fmla="*/ 5760447 w 9497977"/>
              <a:gd name="connsiteY213" fmla="*/ 6397010 h 6857968"/>
              <a:gd name="connsiteX214" fmla="*/ 5831748 w 9497977"/>
              <a:gd name="connsiteY214" fmla="*/ 6397010 h 6857968"/>
              <a:gd name="connsiteX215" fmla="*/ 5831748 w 9497977"/>
              <a:gd name="connsiteY215" fmla="*/ 6325709 h 6857968"/>
              <a:gd name="connsiteX216" fmla="*/ 5617774 w 9497977"/>
              <a:gd name="connsiteY216" fmla="*/ 6325709 h 6857968"/>
              <a:gd name="connsiteX217" fmla="*/ 5617774 w 9497977"/>
              <a:gd name="connsiteY217" fmla="*/ 6397010 h 6857968"/>
              <a:gd name="connsiteX218" fmla="*/ 5689075 w 9497977"/>
              <a:gd name="connsiteY218" fmla="*/ 6397010 h 6857968"/>
              <a:gd name="connsiteX219" fmla="*/ 5689075 w 9497977"/>
              <a:gd name="connsiteY219" fmla="*/ 6325709 h 6857968"/>
              <a:gd name="connsiteX220" fmla="*/ 5475173 w 9497977"/>
              <a:gd name="connsiteY220" fmla="*/ 6325709 h 6857968"/>
              <a:gd name="connsiteX221" fmla="*/ 5475173 w 9497977"/>
              <a:gd name="connsiteY221" fmla="*/ 6397010 h 6857968"/>
              <a:gd name="connsiteX222" fmla="*/ 5546474 w 9497977"/>
              <a:gd name="connsiteY222" fmla="*/ 6397010 h 6857968"/>
              <a:gd name="connsiteX223" fmla="*/ 5546474 w 9497977"/>
              <a:gd name="connsiteY223" fmla="*/ 6325709 h 6857968"/>
              <a:gd name="connsiteX224" fmla="*/ 5332500 w 9497977"/>
              <a:gd name="connsiteY224" fmla="*/ 6325709 h 6857968"/>
              <a:gd name="connsiteX225" fmla="*/ 5332500 w 9497977"/>
              <a:gd name="connsiteY225" fmla="*/ 6397010 h 6857968"/>
              <a:gd name="connsiteX226" fmla="*/ 5403801 w 9497977"/>
              <a:gd name="connsiteY226" fmla="*/ 6397010 h 6857968"/>
              <a:gd name="connsiteX227" fmla="*/ 5403801 w 9497977"/>
              <a:gd name="connsiteY227" fmla="*/ 6325709 h 6857968"/>
              <a:gd name="connsiteX228" fmla="*/ 5189828 w 9497977"/>
              <a:gd name="connsiteY228" fmla="*/ 6325709 h 6857968"/>
              <a:gd name="connsiteX229" fmla="*/ 5189828 w 9497977"/>
              <a:gd name="connsiteY229" fmla="*/ 6397010 h 6857968"/>
              <a:gd name="connsiteX230" fmla="*/ 5261129 w 9497977"/>
              <a:gd name="connsiteY230" fmla="*/ 6397010 h 6857968"/>
              <a:gd name="connsiteX231" fmla="*/ 5261129 w 9497977"/>
              <a:gd name="connsiteY231" fmla="*/ 6325709 h 6857968"/>
              <a:gd name="connsiteX232" fmla="*/ 5047226 w 9497977"/>
              <a:gd name="connsiteY232" fmla="*/ 6325709 h 6857968"/>
              <a:gd name="connsiteX233" fmla="*/ 5047226 w 9497977"/>
              <a:gd name="connsiteY233" fmla="*/ 6397010 h 6857968"/>
              <a:gd name="connsiteX234" fmla="*/ 5118527 w 9497977"/>
              <a:gd name="connsiteY234" fmla="*/ 6397010 h 6857968"/>
              <a:gd name="connsiteX235" fmla="*/ 5118527 w 9497977"/>
              <a:gd name="connsiteY235" fmla="*/ 6325709 h 6857968"/>
              <a:gd name="connsiteX236" fmla="*/ 4904553 w 9497977"/>
              <a:gd name="connsiteY236" fmla="*/ 6325709 h 6857968"/>
              <a:gd name="connsiteX237" fmla="*/ 4904553 w 9497977"/>
              <a:gd name="connsiteY237" fmla="*/ 6397010 h 6857968"/>
              <a:gd name="connsiteX238" fmla="*/ 4975854 w 9497977"/>
              <a:gd name="connsiteY238" fmla="*/ 6397010 h 6857968"/>
              <a:gd name="connsiteX239" fmla="*/ 4975854 w 9497977"/>
              <a:gd name="connsiteY239" fmla="*/ 6325709 h 6857968"/>
              <a:gd name="connsiteX240" fmla="*/ 4761952 w 9497977"/>
              <a:gd name="connsiteY240" fmla="*/ 6325709 h 6857968"/>
              <a:gd name="connsiteX241" fmla="*/ 4761952 w 9497977"/>
              <a:gd name="connsiteY241" fmla="*/ 6397010 h 6857968"/>
              <a:gd name="connsiteX242" fmla="*/ 4833253 w 9497977"/>
              <a:gd name="connsiteY242" fmla="*/ 6397010 h 6857968"/>
              <a:gd name="connsiteX243" fmla="*/ 4833253 w 9497977"/>
              <a:gd name="connsiteY243" fmla="*/ 6325709 h 6857968"/>
              <a:gd name="connsiteX244" fmla="*/ 4619279 w 9497977"/>
              <a:gd name="connsiteY244" fmla="*/ 6325709 h 6857968"/>
              <a:gd name="connsiteX245" fmla="*/ 4619279 w 9497977"/>
              <a:gd name="connsiteY245" fmla="*/ 6397010 h 6857968"/>
              <a:gd name="connsiteX246" fmla="*/ 4690580 w 9497977"/>
              <a:gd name="connsiteY246" fmla="*/ 6397010 h 6857968"/>
              <a:gd name="connsiteX247" fmla="*/ 4690580 w 9497977"/>
              <a:gd name="connsiteY247" fmla="*/ 6325709 h 6857968"/>
              <a:gd name="connsiteX248" fmla="*/ 4476678 w 9497977"/>
              <a:gd name="connsiteY248" fmla="*/ 6325709 h 6857968"/>
              <a:gd name="connsiteX249" fmla="*/ 4476678 w 9497977"/>
              <a:gd name="connsiteY249" fmla="*/ 6397010 h 6857968"/>
              <a:gd name="connsiteX250" fmla="*/ 4547979 w 9497977"/>
              <a:gd name="connsiteY250" fmla="*/ 6397010 h 6857968"/>
              <a:gd name="connsiteX251" fmla="*/ 4547979 w 9497977"/>
              <a:gd name="connsiteY251" fmla="*/ 6325709 h 6857968"/>
              <a:gd name="connsiteX252" fmla="*/ 4334005 w 9497977"/>
              <a:gd name="connsiteY252" fmla="*/ 6325709 h 6857968"/>
              <a:gd name="connsiteX253" fmla="*/ 4334005 w 9497977"/>
              <a:gd name="connsiteY253" fmla="*/ 6397010 h 6857968"/>
              <a:gd name="connsiteX254" fmla="*/ 4405306 w 9497977"/>
              <a:gd name="connsiteY254" fmla="*/ 6397010 h 6857968"/>
              <a:gd name="connsiteX255" fmla="*/ 4405306 w 9497977"/>
              <a:gd name="connsiteY255" fmla="*/ 6325709 h 6857968"/>
              <a:gd name="connsiteX256" fmla="*/ 4191404 w 9497977"/>
              <a:gd name="connsiteY256" fmla="*/ 6325709 h 6857968"/>
              <a:gd name="connsiteX257" fmla="*/ 4191404 w 9497977"/>
              <a:gd name="connsiteY257" fmla="*/ 6397010 h 6857968"/>
              <a:gd name="connsiteX258" fmla="*/ 4262705 w 9497977"/>
              <a:gd name="connsiteY258" fmla="*/ 6397010 h 6857968"/>
              <a:gd name="connsiteX259" fmla="*/ 4262705 w 9497977"/>
              <a:gd name="connsiteY259" fmla="*/ 6325709 h 6857968"/>
              <a:gd name="connsiteX260" fmla="*/ 4048731 w 9497977"/>
              <a:gd name="connsiteY260" fmla="*/ 6325709 h 6857968"/>
              <a:gd name="connsiteX261" fmla="*/ 4048731 w 9497977"/>
              <a:gd name="connsiteY261" fmla="*/ 6397010 h 6857968"/>
              <a:gd name="connsiteX262" fmla="*/ 4120032 w 9497977"/>
              <a:gd name="connsiteY262" fmla="*/ 6397010 h 6857968"/>
              <a:gd name="connsiteX263" fmla="*/ 4120032 w 9497977"/>
              <a:gd name="connsiteY263" fmla="*/ 6325709 h 6857968"/>
              <a:gd name="connsiteX264" fmla="*/ 3906059 w 9497977"/>
              <a:gd name="connsiteY264" fmla="*/ 6325709 h 6857968"/>
              <a:gd name="connsiteX265" fmla="*/ 3906059 w 9497977"/>
              <a:gd name="connsiteY265" fmla="*/ 6397010 h 6857968"/>
              <a:gd name="connsiteX266" fmla="*/ 3977360 w 9497977"/>
              <a:gd name="connsiteY266" fmla="*/ 6397010 h 6857968"/>
              <a:gd name="connsiteX267" fmla="*/ 3977360 w 9497977"/>
              <a:gd name="connsiteY267" fmla="*/ 6325709 h 6857968"/>
              <a:gd name="connsiteX268" fmla="*/ 3763457 w 9497977"/>
              <a:gd name="connsiteY268" fmla="*/ 6325709 h 6857968"/>
              <a:gd name="connsiteX269" fmla="*/ 3763457 w 9497977"/>
              <a:gd name="connsiteY269" fmla="*/ 6397010 h 6857968"/>
              <a:gd name="connsiteX270" fmla="*/ 3834758 w 9497977"/>
              <a:gd name="connsiteY270" fmla="*/ 6397010 h 6857968"/>
              <a:gd name="connsiteX271" fmla="*/ 3834758 w 9497977"/>
              <a:gd name="connsiteY271" fmla="*/ 6325709 h 6857968"/>
              <a:gd name="connsiteX272" fmla="*/ 3620784 w 9497977"/>
              <a:gd name="connsiteY272" fmla="*/ 6325709 h 6857968"/>
              <a:gd name="connsiteX273" fmla="*/ 3620784 w 9497977"/>
              <a:gd name="connsiteY273" fmla="*/ 6397010 h 6857968"/>
              <a:gd name="connsiteX274" fmla="*/ 3692085 w 9497977"/>
              <a:gd name="connsiteY274" fmla="*/ 6397010 h 6857968"/>
              <a:gd name="connsiteX275" fmla="*/ 3692085 w 9497977"/>
              <a:gd name="connsiteY275" fmla="*/ 6325709 h 6857968"/>
              <a:gd name="connsiteX276" fmla="*/ 3478184 w 9497977"/>
              <a:gd name="connsiteY276" fmla="*/ 6325709 h 6857968"/>
              <a:gd name="connsiteX277" fmla="*/ 3478184 w 9497977"/>
              <a:gd name="connsiteY277" fmla="*/ 6397010 h 6857968"/>
              <a:gd name="connsiteX278" fmla="*/ 3549484 w 9497977"/>
              <a:gd name="connsiteY278" fmla="*/ 6397010 h 6857968"/>
              <a:gd name="connsiteX279" fmla="*/ 3549484 w 9497977"/>
              <a:gd name="connsiteY279" fmla="*/ 6325709 h 6857968"/>
              <a:gd name="connsiteX280" fmla="*/ 3335511 w 9497977"/>
              <a:gd name="connsiteY280" fmla="*/ 6325709 h 6857968"/>
              <a:gd name="connsiteX281" fmla="*/ 3335511 w 9497977"/>
              <a:gd name="connsiteY281" fmla="*/ 6397010 h 6857968"/>
              <a:gd name="connsiteX282" fmla="*/ 3406811 w 9497977"/>
              <a:gd name="connsiteY282" fmla="*/ 6397010 h 6857968"/>
              <a:gd name="connsiteX283" fmla="*/ 3406811 w 9497977"/>
              <a:gd name="connsiteY283" fmla="*/ 6325709 h 6857968"/>
              <a:gd name="connsiteX284" fmla="*/ 3192839 w 9497977"/>
              <a:gd name="connsiteY284" fmla="*/ 6325709 h 6857968"/>
              <a:gd name="connsiteX285" fmla="*/ 3192839 w 9497977"/>
              <a:gd name="connsiteY285" fmla="*/ 6397010 h 6857968"/>
              <a:gd name="connsiteX286" fmla="*/ 3264139 w 9497977"/>
              <a:gd name="connsiteY286" fmla="*/ 6397010 h 6857968"/>
              <a:gd name="connsiteX287" fmla="*/ 3264139 w 9497977"/>
              <a:gd name="connsiteY287" fmla="*/ 6325709 h 6857968"/>
              <a:gd name="connsiteX288" fmla="*/ 3050237 w 9497977"/>
              <a:gd name="connsiteY288" fmla="*/ 6325709 h 6857968"/>
              <a:gd name="connsiteX289" fmla="*/ 3050237 w 9497977"/>
              <a:gd name="connsiteY289" fmla="*/ 6397010 h 6857968"/>
              <a:gd name="connsiteX290" fmla="*/ 3121537 w 9497977"/>
              <a:gd name="connsiteY290" fmla="*/ 6397010 h 6857968"/>
              <a:gd name="connsiteX291" fmla="*/ 3121537 w 9497977"/>
              <a:gd name="connsiteY291" fmla="*/ 6325709 h 6857968"/>
              <a:gd name="connsiteX292" fmla="*/ 2907564 w 9497977"/>
              <a:gd name="connsiteY292" fmla="*/ 6325709 h 6857968"/>
              <a:gd name="connsiteX293" fmla="*/ 2907564 w 9497977"/>
              <a:gd name="connsiteY293" fmla="*/ 6397010 h 6857968"/>
              <a:gd name="connsiteX294" fmla="*/ 2978865 w 9497977"/>
              <a:gd name="connsiteY294" fmla="*/ 6397010 h 6857968"/>
              <a:gd name="connsiteX295" fmla="*/ 2978865 w 9497977"/>
              <a:gd name="connsiteY295" fmla="*/ 6325709 h 6857968"/>
              <a:gd name="connsiteX296" fmla="*/ 2764962 w 9497977"/>
              <a:gd name="connsiteY296" fmla="*/ 6325709 h 6857968"/>
              <a:gd name="connsiteX297" fmla="*/ 2764962 w 9497977"/>
              <a:gd name="connsiteY297" fmla="*/ 6397010 h 6857968"/>
              <a:gd name="connsiteX298" fmla="*/ 2836263 w 9497977"/>
              <a:gd name="connsiteY298" fmla="*/ 6397010 h 6857968"/>
              <a:gd name="connsiteX299" fmla="*/ 2836263 w 9497977"/>
              <a:gd name="connsiteY299" fmla="*/ 6325709 h 6857968"/>
              <a:gd name="connsiteX300" fmla="*/ 2622291 w 9497977"/>
              <a:gd name="connsiteY300" fmla="*/ 6325709 h 6857968"/>
              <a:gd name="connsiteX301" fmla="*/ 2622291 w 9497977"/>
              <a:gd name="connsiteY301" fmla="*/ 6397010 h 6857968"/>
              <a:gd name="connsiteX302" fmla="*/ 2693591 w 9497977"/>
              <a:gd name="connsiteY302" fmla="*/ 6397010 h 6857968"/>
              <a:gd name="connsiteX303" fmla="*/ 2693591 w 9497977"/>
              <a:gd name="connsiteY303" fmla="*/ 6325709 h 6857968"/>
              <a:gd name="connsiteX304" fmla="*/ 2479688 w 9497977"/>
              <a:gd name="connsiteY304" fmla="*/ 6325709 h 6857968"/>
              <a:gd name="connsiteX305" fmla="*/ 2479688 w 9497977"/>
              <a:gd name="connsiteY305" fmla="*/ 6397010 h 6857968"/>
              <a:gd name="connsiteX306" fmla="*/ 2550990 w 9497977"/>
              <a:gd name="connsiteY306" fmla="*/ 6397010 h 6857968"/>
              <a:gd name="connsiteX307" fmla="*/ 2550990 w 9497977"/>
              <a:gd name="connsiteY307" fmla="*/ 6325709 h 6857968"/>
              <a:gd name="connsiteX308" fmla="*/ 2337016 w 9497977"/>
              <a:gd name="connsiteY308" fmla="*/ 6325709 h 6857968"/>
              <a:gd name="connsiteX309" fmla="*/ 2337016 w 9497977"/>
              <a:gd name="connsiteY309" fmla="*/ 6397010 h 6857968"/>
              <a:gd name="connsiteX310" fmla="*/ 2408317 w 9497977"/>
              <a:gd name="connsiteY310" fmla="*/ 6397010 h 6857968"/>
              <a:gd name="connsiteX311" fmla="*/ 2408317 w 9497977"/>
              <a:gd name="connsiteY311" fmla="*/ 6325709 h 6857968"/>
              <a:gd name="connsiteX312" fmla="*/ 2195429 w 9497977"/>
              <a:gd name="connsiteY312" fmla="*/ 6325709 h 6857968"/>
              <a:gd name="connsiteX313" fmla="*/ 2195429 w 9497977"/>
              <a:gd name="connsiteY313" fmla="*/ 6397010 h 6857968"/>
              <a:gd name="connsiteX314" fmla="*/ 2266731 w 9497977"/>
              <a:gd name="connsiteY314" fmla="*/ 6397010 h 6857968"/>
              <a:gd name="connsiteX315" fmla="*/ 2266731 w 9497977"/>
              <a:gd name="connsiteY315" fmla="*/ 6325709 h 6857968"/>
              <a:gd name="connsiteX316" fmla="*/ 2052828 w 9497977"/>
              <a:gd name="connsiteY316" fmla="*/ 6325709 h 6857968"/>
              <a:gd name="connsiteX317" fmla="*/ 2052828 w 9497977"/>
              <a:gd name="connsiteY317" fmla="*/ 6397010 h 6857968"/>
              <a:gd name="connsiteX318" fmla="*/ 2124128 w 9497977"/>
              <a:gd name="connsiteY318" fmla="*/ 6397010 h 6857968"/>
              <a:gd name="connsiteX319" fmla="*/ 2124128 w 9497977"/>
              <a:gd name="connsiteY319" fmla="*/ 6325709 h 6857968"/>
              <a:gd name="connsiteX320" fmla="*/ 1910155 w 9497977"/>
              <a:gd name="connsiteY320" fmla="*/ 6325709 h 6857968"/>
              <a:gd name="connsiteX321" fmla="*/ 1910155 w 9497977"/>
              <a:gd name="connsiteY321" fmla="*/ 6397010 h 6857968"/>
              <a:gd name="connsiteX322" fmla="*/ 1981455 w 9497977"/>
              <a:gd name="connsiteY322" fmla="*/ 6397010 h 6857968"/>
              <a:gd name="connsiteX323" fmla="*/ 1981455 w 9497977"/>
              <a:gd name="connsiteY323" fmla="*/ 6325709 h 6857968"/>
              <a:gd name="connsiteX324" fmla="*/ 1767483 w 9497977"/>
              <a:gd name="connsiteY324" fmla="*/ 6325709 h 6857968"/>
              <a:gd name="connsiteX325" fmla="*/ 1767483 w 9497977"/>
              <a:gd name="connsiteY325" fmla="*/ 6397010 h 6857968"/>
              <a:gd name="connsiteX326" fmla="*/ 1838783 w 9497977"/>
              <a:gd name="connsiteY326" fmla="*/ 6397010 h 6857968"/>
              <a:gd name="connsiteX327" fmla="*/ 1838783 w 9497977"/>
              <a:gd name="connsiteY327" fmla="*/ 6325709 h 6857968"/>
              <a:gd name="connsiteX328" fmla="*/ 1624882 w 9497977"/>
              <a:gd name="connsiteY328" fmla="*/ 6325709 h 6857968"/>
              <a:gd name="connsiteX329" fmla="*/ 1624882 w 9497977"/>
              <a:gd name="connsiteY329" fmla="*/ 6397010 h 6857968"/>
              <a:gd name="connsiteX330" fmla="*/ 1696183 w 9497977"/>
              <a:gd name="connsiteY330" fmla="*/ 6397010 h 6857968"/>
              <a:gd name="connsiteX331" fmla="*/ 1696183 w 9497977"/>
              <a:gd name="connsiteY331" fmla="*/ 6325709 h 6857968"/>
              <a:gd name="connsiteX332" fmla="*/ 1482215 w 9497977"/>
              <a:gd name="connsiteY332" fmla="*/ 6325709 h 6857968"/>
              <a:gd name="connsiteX333" fmla="*/ 1482215 w 9497977"/>
              <a:gd name="connsiteY333" fmla="*/ 6397010 h 6857968"/>
              <a:gd name="connsiteX334" fmla="*/ 1553511 w 9497977"/>
              <a:gd name="connsiteY334" fmla="*/ 6397010 h 6857968"/>
              <a:gd name="connsiteX335" fmla="*/ 1553511 w 9497977"/>
              <a:gd name="connsiteY335" fmla="*/ 6325709 h 6857968"/>
              <a:gd name="connsiteX336" fmla="*/ 1339621 w 9497977"/>
              <a:gd name="connsiteY336" fmla="*/ 6325709 h 6857968"/>
              <a:gd name="connsiteX337" fmla="*/ 1339621 w 9497977"/>
              <a:gd name="connsiteY337" fmla="*/ 6397010 h 6857968"/>
              <a:gd name="connsiteX338" fmla="*/ 1410920 w 9497977"/>
              <a:gd name="connsiteY338" fmla="*/ 6397010 h 6857968"/>
              <a:gd name="connsiteX339" fmla="*/ 1410920 w 9497977"/>
              <a:gd name="connsiteY339" fmla="*/ 6325709 h 6857968"/>
              <a:gd name="connsiteX340" fmla="*/ 1196941 w 9497977"/>
              <a:gd name="connsiteY340" fmla="*/ 6325709 h 6857968"/>
              <a:gd name="connsiteX341" fmla="*/ 1196941 w 9497977"/>
              <a:gd name="connsiteY341" fmla="*/ 6397010 h 6857968"/>
              <a:gd name="connsiteX342" fmla="*/ 1268245 w 9497977"/>
              <a:gd name="connsiteY342" fmla="*/ 6397010 h 6857968"/>
              <a:gd name="connsiteX343" fmla="*/ 1268245 w 9497977"/>
              <a:gd name="connsiteY343" fmla="*/ 6325709 h 6857968"/>
              <a:gd name="connsiteX344" fmla="*/ 1054277 w 9497977"/>
              <a:gd name="connsiteY344" fmla="*/ 6325709 h 6857968"/>
              <a:gd name="connsiteX345" fmla="*/ 1054277 w 9497977"/>
              <a:gd name="connsiteY345" fmla="*/ 6397010 h 6857968"/>
              <a:gd name="connsiteX346" fmla="*/ 1125575 w 9497977"/>
              <a:gd name="connsiteY346" fmla="*/ 6397010 h 6857968"/>
              <a:gd name="connsiteX347" fmla="*/ 1125575 w 9497977"/>
              <a:gd name="connsiteY347" fmla="*/ 6325709 h 6857968"/>
              <a:gd name="connsiteX348" fmla="*/ 911663 w 9497977"/>
              <a:gd name="connsiteY348" fmla="*/ 6325709 h 6857968"/>
              <a:gd name="connsiteX349" fmla="*/ 911663 w 9497977"/>
              <a:gd name="connsiteY349" fmla="*/ 6397010 h 6857968"/>
              <a:gd name="connsiteX350" fmla="*/ 982964 w 9497977"/>
              <a:gd name="connsiteY350" fmla="*/ 6397010 h 6857968"/>
              <a:gd name="connsiteX351" fmla="*/ 982964 w 9497977"/>
              <a:gd name="connsiteY351" fmla="*/ 6325709 h 6857968"/>
              <a:gd name="connsiteX352" fmla="*/ 769001 w 9497977"/>
              <a:gd name="connsiteY352" fmla="*/ 6325709 h 6857968"/>
              <a:gd name="connsiteX353" fmla="*/ 769001 w 9497977"/>
              <a:gd name="connsiteY353" fmla="*/ 6397010 h 6857968"/>
              <a:gd name="connsiteX354" fmla="*/ 840299 w 9497977"/>
              <a:gd name="connsiteY354" fmla="*/ 6397010 h 6857968"/>
              <a:gd name="connsiteX355" fmla="*/ 840299 w 9497977"/>
              <a:gd name="connsiteY355" fmla="*/ 6325709 h 6857968"/>
              <a:gd name="connsiteX356" fmla="*/ 626392 w 9497977"/>
              <a:gd name="connsiteY356" fmla="*/ 6325709 h 6857968"/>
              <a:gd name="connsiteX357" fmla="*/ 626392 w 9497977"/>
              <a:gd name="connsiteY357" fmla="*/ 6397010 h 6857968"/>
              <a:gd name="connsiteX358" fmla="*/ 697691 w 9497977"/>
              <a:gd name="connsiteY358" fmla="*/ 6397010 h 6857968"/>
              <a:gd name="connsiteX359" fmla="*/ 697691 w 9497977"/>
              <a:gd name="connsiteY359" fmla="*/ 6325709 h 6857968"/>
              <a:gd name="connsiteX360" fmla="*/ 7044216 w 9497977"/>
              <a:gd name="connsiteY360" fmla="*/ 6183107 h 6857968"/>
              <a:gd name="connsiteX361" fmla="*/ 7044216 w 9497977"/>
              <a:gd name="connsiteY361" fmla="*/ 6254408 h 6857968"/>
              <a:gd name="connsiteX362" fmla="*/ 7115517 w 9497977"/>
              <a:gd name="connsiteY362" fmla="*/ 6254408 h 6857968"/>
              <a:gd name="connsiteX363" fmla="*/ 7115517 w 9497977"/>
              <a:gd name="connsiteY363" fmla="*/ 6183107 h 6857968"/>
              <a:gd name="connsiteX364" fmla="*/ 6901543 w 9497977"/>
              <a:gd name="connsiteY364" fmla="*/ 6183107 h 6857968"/>
              <a:gd name="connsiteX365" fmla="*/ 6901543 w 9497977"/>
              <a:gd name="connsiteY365" fmla="*/ 6254408 h 6857968"/>
              <a:gd name="connsiteX366" fmla="*/ 6972844 w 9497977"/>
              <a:gd name="connsiteY366" fmla="*/ 6254408 h 6857968"/>
              <a:gd name="connsiteX367" fmla="*/ 6972844 w 9497977"/>
              <a:gd name="connsiteY367" fmla="*/ 6183107 h 6857968"/>
              <a:gd name="connsiteX368" fmla="*/ 6758942 w 9497977"/>
              <a:gd name="connsiteY368" fmla="*/ 6183107 h 6857968"/>
              <a:gd name="connsiteX369" fmla="*/ 6758942 w 9497977"/>
              <a:gd name="connsiteY369" fmla="*/ 6254408 h 6857968"/>
              <a:gd name="connsiteX370" fmla="*/ 6830242 w 9497977"/>
              <a:gd name="connsiteY370" fmla="*/ 6254408 h 6857968"/>
              <a:gd name="connsiteX371" fmla="*/ 6830242 w 9497977"/>
              <a:gd name="connsiteY371" fmla="*/ 6183107 h 6857968"/>
              <a:gd name="connsiteX372" fmla="*/ 6616269 w 9497977"/>
              <a:gd name="connsiteY372" fmla="*/ 6183107 h 6857968"/>
              <a:gd name="connsiteX373" fmla="*/ 6616269 w 9497977"/>
              <a:gd name="connsiteY373" fmla="*/ 6254408 h 6857968"/>
              <a:gd name="connsiteX374" fmla="*/ 6687570 w 9497977"/>
              <a:gd name="connsiteY374" fmla="*/ 6254408 h 6857968"/>
              <a:gd name="connsiteX375" fmla="*/ 6687570 w 9497977"/>
              <a:gd name="connsiteY375" fmla="*/ 6183107 h 6857968"/>
              <a:gd name="connsiteX376" fmla="*/ 6473667 w 9497977"/>
              <a:gd name="connsiteY376" fmla="*/ 6183107 h 6857968"/>
              <a:gd name="connsiteX377" fmla="*/ 6473667 w 9497977"/>
              <a:gd name="connsiteY377" fmla="*/ 6254408 h 6857968"/>
              <a:gd name="connsiteX378" fmla="*/ 6544968 w 9497977"/>
              <a:gd name="connsiteY378" fmla="*/ 6254408 h 6857968"/>
              <a:gd name="connsiteX379" fmla="*/ 6544968 w 9497977"/>
              <a:gd name="connsiteY379" fmla="*/ 6183107 h 6857968"/>
              <a:gd name="connsiteX380" fmla="*/ 6330995 w 9497977"/>
              <a:gd name="connsiteY380" fmla="*/ 6183107 h 6857968"/>
              <a:gd name="connsiteX381" fmla="*/ 6330995 w 9497977"/>
              <a:gd name="connsiteY381" fmla="*/ 6254408 h 6857968"/>
              <a:gd name="connsiteX382" fmla="*/ 6402296 w 9497977"/>
              <a:gd name="connsiteY382" fmla="*/ 6254408 h 6857968"/>
              <a:gd name="connsiteX383" fmla="*/ 6402296 w 9497977"/>
              <a:gd name="connsiteY383" fmla="*/ 6183107 h 6857968"/>
              <a:gd name="connsiteX384" fmla="*/ 6188393 w 9497977"/>
              <a:gd name="connsiteY384" fmla="*/ 6183107 h 6857968"/>
              <a:gd name="connsiteX385" fmla="*/ 6188393 w 9497977"/>
              <a:gd name="connsiteY385" fmla="*/ 6254408 h 6857968"/>
              <a:gd name="connsiteX386" fmla="*/ 6259694 w 9497977"/>
              <a:gd name="connsiteY386" fmla="*/ 6254408 h 6857968"/>
              <a:gd name="connsiteX387" fmla="*/ 6259694 w 9497977"/>
              <a:gd name="connsiteY387" fmla="*/ 6183107 h 6857968"/>
              <a:gd name="connsiteX388" fmla="*/ 6045721 w 9497977"/>
              <a:gd name="connsiteY388" fmla="*/ 6183107 h 6857968"/>
              <a:gd name="connsiteX389" fmla="*/ 6045721 w 9497977"/>
              <a:gd name="connsiteY389" fmla="*/ 6254408 h 6857968"/>
              <a:gd name="connsiteX390" fmla="*/ 6117021 w 9497977"/>
              <a:gd name="connsiteY390" fmla="*/ 6254408 h 6857968"/>
              <a:gd name="connsiteX391" fmla="*/ 6117021 w 9497977"/>
              <a:gd name="connsiteY391" fmla="*/ 6183107 h 6857968"/>
              <a:gd name="connsiteX392" fmla="*/ 5903048 w 9497977"/>
              <a:gd name="connsiteY392" fmla="*/ 6183107 h 6857968"/>
              <a:gd name="connsiteX393" fmla="*/ 5903048 w 9497977"/>
              <a:gd name="connsiteY393" fmla="*/ 6254408 h 6857968"/>
              <a:gd name="connsiteX394" fmla="*/ 5974349 w 9497977"/>
              <a:gd name="connsiteY394" fmla="*/ 6254408 h 6857968"/>
              <a:gd name="connsiteX395" fmla="*/ 5974349 w 9497977"/>
              <a:gd name="connsiteY395" fmla="*/ 6183107 h 6857968"/>
              <a:gd name="connsiteX396" fmla="*/ 5760447 w 9497977"/>
              <a:gd name="connsiteY396" fmla="*/ 6183107 h 6857968"/>
              <a:gd name="connsiteX397" fmla="*/ 5760447 w 9497977"/>
              <a:gd name="connsiteY397" fmla="*/ 6254408 h 6857968"/>
              <a:gd name="connsiteX398" fmla="*/ 5831748 w 9497977"/>
              <a:gd name="connsiteY398" fmla="*/ 6254408 h 6857968"/>
              <a:gd name="connsiteX399" fmla="*/ 5831748 w 9497977"/>
              <a:gd name="connsiteY399" fmla="*/ 6183107 h 6857968"/>
              <a:gd name="connsiteX400" fmla="*/ 5617774 w 9497977"/>
              <a:gd name="connsiteY400" fmla="*/ 6183107 h 6857968"/>
              <a:gd name="connsiteX401" fmla="*/ 5617774 w 9497977"/>
              <a:gd name="connsiteY401" fmla="*/ 6254408 h 6857968"/>
              <a:gd name="connsiteX402" fmla="*/ 5689075 w 9497977"/>
              <a:gd name="connsiteY402" fmla="*/ 6254408 h 6857968"/>
              <a:gd name="connsiteX403" fmla="*/ 5689075 w 9497977"/>
              <a:gd name="connsiteY403" fmla="*/ 6183107 h 6857968"/>
              <a:gd name="connsiteX404" fmla="*/ 5475173 w 9497977"/>
              <a:gd name="connsiteY404" fmla="*/ 6183107 h 6857968"/>
              <a:gd name="connsiteX405" fmla="*/ 5475173 w 9497977"/>
              <a:gd name="connsiteY405" fmla="*/ 6254408 h 6857968"/>
              <a:gd name="connsiteX406" fmla="*/ 5546474 w 9497977"/>
              <a:gd name="connsiteY406" fmla="*/ 6254408 h 6857968"/>
              <a:gd name="connsiteX407" fmla="*/ 5546474 w 9497977"/>
              <a:gd name="connsiteY407" fmla="*/ 6183107 h 6857968"/>
              <a:gd name="connsiteX408" fmla="*/ 5332500 w 9497977"/>
              <a:gd name="connsiteY408" fmla="*/ 6183107 h 6857968"/>
              <a:gd name="connsiteX409" fmla="*/ 5332500 w 9497977"/>
              <a:gd name="connsiteY409" fmla="*/ 6254408 h 6857968"/>
              <a:gd name="connsiteX410" fmla="*/ 5403801 w 9497977"/>
              <a:gd name="connsiteY410" fmla="*/ 6254408 h 6857968"/>
              <a:gd name="connsiteX411" fmla="*/ 5403801 w 9497977"/>
              <a:gd name="connsiteY411" fmla="*/ 6183107 h 6857968"/>
              <a:gd name="connsiteX412" fmla="*/ 5189828 w 9497977"/>
              <a:gd name="connsiteY412" fmla="*/ 6183107 h 6857968"/>
              <a:gd name="connsiteX413" fmla="*/ 5189828 w 9497977"/>
              <a:gd name="connsiteY413" fmla="*/ 6254408 h 6857968"/>
              <a:gd name="connsiteX414" fmla="*/ 5261129 w 9497977"/>
              <a:gd name="connsiteY414" fmla="*/ 6254408 h 6857968"/>
              <a:gd name="connsiteX415" fmla="*/ 5261129 w 9497977"/>
              <a:gd name="connsiteY415" fmla="*/ 6183107 h 6857968"/>
              <a:gd name="connsiteX416" fmla="*/ 5047226 w 9497977"/>
              <a:gd name="connsiteY416" fmla="*/ 6183107 h 6857968"/>
              <a:gd name="connsiteX417" fmla="*/ 5047226 w 9497977"/>
              <a:gd name="connsiteY417" fmla="*/ 6254408 h 6857968"/>
              <a:gd name="connsiteX418" fmla="*/ 5118527 w 9497977"/>
              <a:gd name="connsiteY418" fmla="*/ 6254408 h 6857968"/>
              <a:gd name="connsiteX419" fmla="*/ 5118527 w 9497977"/>
              <a:gd name="connsiteY419" fmla="*/ 6183107 h 6857968"/>
              <a:gd name="connsiteX420" fmla="*/ 4904553 w 9497977"/>
              <a:gd name="connsiteY420" fmla="*/ 6183107 h 6857968"/>
              <a:gd name="connsiteX421" fmla="*/ 4904553 w 9497977"/>
              <a:gd name="connsiteY421" fmla="*/ 6254408 h 6857968"/>
              <a:gd name="connsiteX422" fmla="*/ 4975854 w 9497977"/>
              <a:gd name="connsiteY422" fmla="*/ 6254408 h 6857968"/>
              <a:gd name="connsiteX423" fmla="*/ 4975854 w 9497977"/>
              <a:gd name="connsiteY423" fmla="*/ 6183107 h 6857968"/>
              <a:gd name="connsiteX424" fmla="*/ 4761952 w 9497977"/>
              <a:gd name="connsiteY424" fmla="*/ 6183107 h 6857968"/>
              <a:gd name="connsiteX425" fmla="*/ 4761952 w 9497977"/>
              <a:gd name="connsiteY425" fmla="*/ 6254408 h 6857968"/>
              <a:gd name="connsiteX426" fmla="*/ 4833253 w 9497977"/>
              <a:gd name="connsiteY426" fmla="*/ 6254408 h 6857968"/>
              <a:gd name="connsiteX427" fmla="*/ 4833253 w 9497977"/>
              <a:gd name="connsiteY427" fmla="*/ 6183107 h 6857968"/>
              <a:gd name="connsiteX428" fmla="*/ 4619279 w 9497977"/>
              <a:gd name="connsiteY428" fmla="*/ 6183107 h 6857968"/>
              <a:gd name="connsiteX429" fmla="*/ 4619279 w 9497977"/>
              <a:gd name="connsiteY429" fmla="*/ 6254408 h 6857968"/>
              <a:gd name="connsiteX430" fmla="*/ 4690580 w 9497977"/>
              <a:gd name="connsiteY430" fmla="*/ 6254408 h 6857968"/>
              <a:gd name="connsiteX431" fmla="*/ 4690580 w 9497977"/>
              <a:gd name="connsiteY431" fmla="*/ 6183107 h 6857968"/>
              <a:gd name="connsiteX432" fmla="*/ 4476678 w 9497977"/>
              <a:gd name="connsiteY432" fmla="*/ 6183107 h 6857968"/>
              <a:gd name="connsiteX433" fmla="*/ 4476678 w 9497977"/>
              <a:gd name="connsiteY433" fmla="*/ 6254408 h 6857968"/>
              <a:gd name="connsiteX434" fmla="*/ 4547979 w 9497977"/>
              <a:gd name="connsiteY434" fmla="*/ 6254408 h 6857968"/>
              <a:gd name="connsiteX435" fmla="*/ 4547979 w 9497977"/>
              <a:gd name="connsiteY435" fmla="*/ 6183107 h 6857968"/>
              <a:gd name="connsiteX436" fmla="*/ 4334005 w 9497977"/>
              <a:gd name="connsiteY436" fmla="*/ 6183107 h 6857968"/>
              <a:gd name="connsiteX437" fmla="*/ 4334005 w 9497977"/>
              <a:gd name="connsiteY437" fmla="*/ 6254408 h 6857968"/>
              <a:gd name="connsiteX438" fmla="*/ 4405306 w 9497977"/>
              <a:gd name="connsiteY438" fmla="*/ 6254408 h 6857968"/>
              <a:gd name="connsiteX439" fmla="*/ 4405306 w 9497977"/>
              <a:gd name="connsiteY439" fmla="*/ 6183107 h 6857968"/>
              <a:gd name="connsiteX440" fmla="*/ 4191404 w 9497977"/>
              <a:gd name="connsiteY440" fmla="*/ 6183107 h 6857968"/>
              <a:gd name="connsiteX441" fmla="*/ 4191404 w 9497977"/>
              <a:gd name="connsiteY441" fmla="*/ 6254408 h 6857968"/>
              <a:gd name="connsiteX442" fmla="*/ 4262705 w 9497977"/>
              <a:gd name="connsiteY442" fmla="*/ 6254408 h 6857968"/>
              <a:gd name="connsiteX443" fmla="*/ 4262705 w 9497977"/>
              <a:gd name="connsiteY443" fmla="*/ 6183107 h 6857968"/>
              <a:gd name="connsiteX444" fmla="*/ 4048731 w 9497977"/>
              <a:gd name="connsiteY444" fmla="*/ 6183107 h 6857968"/>
              <a:gd name="connsiteX445" fmla="*/ 4048731 w 9497977"/>
              <a:gd name="connsiteY445" fmla="*/ 6254408 h 6857968"/>
              <a:gd name="connsiteX446" fmla="*/ 4120032 w 9497977"/>
              <a:gd name="connsiteY446" fmla="*/ 6254408 h 6857968"/>
              <a:gd name="connsiteX447" fmla="*/ 4120032 w 9497977"/>
              <a:gd name="connsiteY447" fmla="*/ 6183107 h 6857968"/>
              <a:gd name="connsiteX448" fmla="*/ 3906059 w 9497977"/>
              <a:gd name="connsiteY448" fmla="*/ 6183107 h 6857968"/>
              <a:gd name="connsiteX449" fmla="*/ 3906059 w 9497977"/>
              <a:gd name="connsiteY449" fmla="*/ 6254408 h 6857968"/>
              <a:gd name="connsiteX450" fmla="*/ 3977360 w 9497977"/>
              <a:gd name="connsiteY450" fmla="*/ 6254408 h 6857968"/>
              <a:gd name="connsiteX451" fmla="*/ 3977360 w 9497977"/>
              <a:gd name="connsiteY451" fmla="*/ 6183107 h 6857968"/>
              <a:gd name="connsiteX452" fmla="*/ 3763457 w 9497977"/>
              <a:gd name="connsiteY452" fmla="*/ 6183107 h 6857968"/>
              <a:gd name="connsiteX453" fmla="*/ 3763457 w 9497977"/>
              <a:gd name="connsiteY453" fmla="*/ 6254408 h 6857968"/>
              <a:gd name="connsiteX454" fmla="*/ 3834758 w 9497977"/>
              <a:gd name="connsiteY454" fmla="*/ 6254408 h 6857968"/>
              <a:gd name="connsiteX455" fmla="*/ 3834758 w 9497977"/>
              <a:gd name="connsiteY455" fmla="*/ 6183107 h 6857968"/>
              <a:gd name="connsiteX456" fmla="*/ 3620784 w 9497977"/>
              <a:gd name="connsiteY456" fmla="*/ 6183107 h 6857968"/>
              <a:gd name="connsiteX457" fmla="*/ 3620784 w 9497977"/>
              <a:gd name="connsiteY457" fmla="*/ 6254408 h 6857968"/>
              <a:gd name="connsiteX458" fmla="*/ 3692085 w 9497977"/>
              <a:gd name="connsiteY458" fmla="*/ 6254408 h 6857968"/>
              <a:gd name="connsiteX459" fmla="*/ 3692085 w 9497977"/>
              <a:gd name="connsiteY459" fmla="*/ 6183107 h 6857968"/>
              <a:gd name="connsiteX460" fmla="*/ 3478184 w 9497977"/>
              <a:gd name="connsiteY460" fmla="*/ 6183107 h 6857968"/>
              <a:gd name="connsiteX461" fmla="*/ 3478184 w 9497977"/>
              <a:gd name="connsiteY461" fmla="*/ 6254408 h 6857968"/>
              <a:gd name="connsiteX462" fmla="*/ 3549484 w 9497977"/>
              <a:gd name="connsiteY462" fmla="*/ 6254408 h 6857968"/>
              <a:gd name="connsiteX463" fmla="*/ 3549484 w 9497977"/>
              <a:gd name="connsiteY463" fmla="*/ 6183107 h 6857968"/>
              <a:gd name="connsiteX464" fmla="*/ 3335511 w 9497977"/>
              <a:gd name="connsiteY464" fmla="*/ 6183107 h 6857968"/>
              <a:gd name="connsiteX465" fmla="*/ 3335511 w 9497977"/>
              <a:gd name="connsiteY465" fmla="*/ 6254408 h 6857968"/>
              <a:gd name="connsiteX466" fmla="*/ 3406811 w 9497977"/>
              <a:gd name="connsiteY466" fmla="*/ 6254408 h 6857968"/>
              <a:gd name="connsiteX467" fmla="*/ 3406811 w 9497977"/>
              <a:gd name="connsiteY467" fmla="*/ 6183107 h 6857968"/>
              <a:gd name="connsiteX468" fmla="*/ 3192839 w 9497977"/>
              <a:gd name="connsiteY468" fmla="*/ 6183107 h 6857968"/>
              <a:gd name="connsiteX469" fmla="*/ 3192839 w 9497977"/>
              <a:gd name="connsiteY469" fmla="*/ 6254408 h 6857968"/>
              <a:gd name="connsiteX470" fmla="*/ 3264139 w 9497977"/>
              <a:gd name="connsiteY470" fmla="*/ 6254408 h 6857968"/>
              <a:gd name="connsiteX471" fmla="*/ 3264139 w 9497977"/>
              <a:gd name="connsiteY471" fmla="*/ 6183107 h 6857968"/>
              <a:gd name="connsiteX472" fmla="*/ 3050237 w 9497977"/>
              <a:gd name="connsiteY472" fmla="*/ 6183107 h 6857968"/>
              <a:gd name="connsiteX473" fmla="*/ 3050237 w 9497977"/>
              <a:gd name="connsiteY473" fmla="*/ 6254408 h 6857968"/>
              <a:gd name="connsiteX474" fmla="*/ 3121537 w 9497977"/>
              <a:gd name="connsiteY474" fmla="*/ 6254408 h 6857968"/>
              <a:gd name="connsiteX475" fmla="*/ 3121537 w 9497977"/>
              <a:gd name="connsiteY475" fmla="*/ 6183107 h 6857968"/>
              <a:gd name="connsiteX476" fmla="*/ 2907564 w 9497977"/>
              <a:gd name="connsiteY476" fmla="*/ 6183107 h 6857968"/>
              <a:gd name="connsiteX477" fmla="*/ 2907564 w 9497977"/>
              <a:gd name="connsiteY477" fmla="*/ 6254408 h 6857968"/>
              <a:gd name="connsiteX478" fmla="*/ 2978865 w 9497977"/>
              <a:gd name="connsiteY478" fmla="*/ 6254408 h 6857968"/>
              <a:gd name="connsiteX479" fmla="*/ 2978865 w 9497977"/>
              <a:gd name="connsiteY479" fmla="*/ 6183107 h 6857968"/>
              <a:gd name="connsiteX480" fmla="*/ 2764962 w 9497977"/>
              <a:gd name="connsiteY480" fmla="*/ 6183107 h 6857968"/>
              <a:gd name="connsiteX481" fmla="*/ 2764962 w 9497977"/>
              <a:gd name="connsiteY481" fmla="*/ 6254408 h 6857968"/>
              <a:gd name="connsiteX482" fmla="*/ 2836263 w 9497977"/>
              <a:gd name="connsiteY482" fmla="*/ 6254408 h 6857968"/>
              <a:gd name="connsiteX483" fmla="*/ 2836263 w 9497977"/>
              <a:gd name="connsiteY483" fmla="*/ 6183107 h 6857968"/>
              <a:gd name="connsiteX484" fmla="*/ 2622291 w 9497977"/>
              <a:gd name="connsiteY484" fmla="*/ 6183107 h 6857968"/>
              <a:gd name="connsiteX485" fmla="*/ 2622291 w 9497977"/>
              <a:gd name="connsiteY485" fmla="*/ 6254408 h 6857968"/>
              <a:gd name="connsiteX486" fmla="*/ 2693591 w 9497977"/>
              <a:gd name="connsiteY486" fmla="*/ 6254408 h 6857968"/>
              <a:gd name="connsiteX487" fmla="*/ 2693591 w 9497977"/>
              <a:gd name="connsiteY487" fmla="*/ 6183107 h 6857968"/>
              <a:gd name="connsiteX488" fmla="*/ 2479688 w 9497977"/>
              <a:gd name="connsiteY488" fmla="*/ 6183107 h 6857968"/>
              <a:gd name="connsiteX489" fmla="*/ 2479688 w 9497977"/>
              <a:gd name="connsiteY489" fmla="*/ 6254408 h 6857968"/>
              <a:gd name="connsiteX490" fmla="*/ 2550990 w 9497977"/>
              <a:gd name="connsiteY490" fmla="*/ 6254408 h 6857968"/>
              <a:gd name="connsiteX491" fmla="*/ 2550990 w 9497977"/>
              <a:gd name="connsiteY491" fmla="*/ 6183107 h 6857968"/>
              <a:gd name="connsiteX492" fmla="*/ 2337016 w 9497977"/>
              <a:gd name="connsiteY492" fmla="*/ 6183107 h 6857968"/>
              <a:gd name="connsiteX493" fmla="*/ 2337016 w 9497977"/>
              <a:gd name="connsiteY493" fmla="*/ 6254408 h 6857968"/>
              <a:gd name="connsiteX494" fmla="*/ 2408317 w 9497977"/>
              <a:gd name="connsiteY494" fmla="*/ 6254408 h 6857968"/>
              <a:gd name="connsiteX495" fmla="*/ 2408317 w 9497977"/>
              <a:gd name="connsiteY495" fmla="*/ 6183107 h 6857968"/>
              <a:gd name="connsiteX496" fmla="*/ 2195429 w 9497977"/>
              <a:gd name="connsiteY496" fmla="*/ 6183107 h 6857968"/>
              <a:gd name="connsiteX497" fmla="*/ 2195429 w 9497977"/>
              <a:gd name="connsiteY497" fmla="*/ 6254408 h 6857968"/>
              <a:gd name="connsiteX498" fmla="*/ 2266731 w 9497977"/>
              <a:gd name="connsiteY498" fmla="*/ 6254408 h 6857968"/>
              <a:gd name="connsiteX499" fmla="*/ 2266731 w 9497977"/>
              <a:gd name="connsiteY499" fmla="*/ 6183107 h 6857968"/>
              <a:gd name="connsiteX500" fmla="*/ 2052828 w 9497977"/>
              <a:gd name="connsiteY500" fmla="*/ 6183107 h 6857968"/>
              <a:gd name="connsiteX501" fmla="*/ 2052828 w 9497977"/>
              <a:gd name="connsiteY501" fmla="*/ 6254408 h 6857968"/>
              <a:gd name="connsiteX502" fmla="*/ 2124128 w 9497977"/>
              <a:gd name="connsiteY502" fmla="*/ 6254408 h 6857968"/>
              <a:gd name="connsiteX503" fmla="*/ 2124128 w 9497977"/>
              <a:gd name="connsiteY503" fmla="*/ 6183107 h 6857968"/>
              <a:gd name="connsiteX504" fmla="*/ 1910155 w 9497977"/>
              <a:gd name="connsiteY504" fmla="*/ 6183107 h 6857968"/>
              <a:gd name="connsiteX505" fmla="*/ 1910155 w 9497977"/>
              <a:gd name="connsiteY505" fmla="*/ 6254408 h 6857968"/>
              <a:gd name="connsiteX506" fmla="*/ 1981455 w 9497977"/>
              <a:gd name="connsiteY506" fmla="*/ 6254408 h 6857968"/>
              <a:gd name="connsiteX507" fmla="*/ 1981455 w 9497977"/>
              <a:gd name="connsiteY507" fmla="*/ 6183107 h 6857968"/>
              <a:gd name="connsiteX508" fmla="*/ 1767483 w 9497977"/>
              <a:gd name="connsiteY508" fmla="*/ 6183107 h 6857968"/>
              <a:gd name="connsiteX509" fmla="*/ 1767483 w 9497977"/>
              <a:gd name="connsiteY509" fmla="*/ 6254408 h 6857968"/>
              <a:gd name="connsiteX510" fmla="*/ 1838783 w 9497977"/>
              <a:gd name="connsiteY510" fmla="*/ 6254408 h 6857968"/>
              <a:gd name="connsiteX511" fmla="*/ 1838783 w 9497977"/>
              <a:gd name="connsiteY511" fmla="*/ 6183107 h 6857968"/>
              <a:gd name="connsiteX512" fmla="*/ 1624882 w 9497977"/>
              <a:gd name="connsiteY512" fmla="*/ 6183107 h 6857968"/>
              <a:gd name="connsiteX513" fmla="*/ 1624882 w 9497977"/>
              <a:gd name="connsiteY513" fmla="*/ 6254408 h 6857968"/>
              <a:gd name="connsiteX514" fmla="*/ 1696183 w 9497977"/>
              <a:gd name="connsiteY514" fmla="*/ 6254408 h 6857968"/>
              <a:gd name="connsiteX515" fmla="*/ 1696183 w 9497977"/>
              <a:gd name="connsiteY515" fmla="*/ 6183107 h 6857968"/>
              <a:gd name="connsiteX516" fmla="*/ 1482215 w 9497977"/>
              <a:gd name="connsiteY516" fmla="*/ 6183107 h 6857968"/>
              <a:gd name="connsiteX517" fmla="*/ 1482215 w 9497977"/>
              <a:gd name="connsiteY517" fmla="*/ 6254408 h 6857968"/>
              <a:gd name="connsiteX518" fmla="*/ 1553511 w 9497977"/>
              <a:gd name="connsiteY518" fmla="*/ 6254408 h 6857968"/>
              <a:gd name="connsiteX519" fmla="*/ 1553511 w 9497977"/>
              <a:gd name="connsiteY519" fmla="*/ 6183107 h 6857968"/>
              <a:gd name="connsiteX520" fmla="*/ 1339621 w 9497977"/>
              <a:gd name="connsiteY520" fmla="*/ 6183107 h 6857968"/>
              <a:gd name="connsiteX521" fmla="*/ 1339621 w 9497977"/>
              <a:gd name="connsiteY521" fmla="*/ 6254408 h 6857968"/>
              <a:gd name="connsiteX522" fmla="*/ 1410920 w 9497977"/>
              <a:gd name="connsiteY522" fmla="*/ 6254408 h 6857968"/>
              <a:gd name="connsiteX523" fmla="*/ 1410920 w 9497977"/>
              <a:gd name="connsiteY523" fmla="*/ 6183107 h 6857968"/>
              <a:gd name="connsiteX524" fmla="*/ 1196948 w 9497977"/>
              <a:gd name="connsiteY524" fmla="*/ 6183107 h 6857968"/>
              <a:gd name="connsiteX525" fmla="*/ 1196948 w 9497977"/>
              <a:gd name="connsiteY525" fmla="*/ 6254408 h 6857968"/>
              <a:gd name="connsiteX526" fmla="*/ 1268245 w 9497977"/>
              <a:gd name="connsiteY526" fmla="*/ 6254408 h 6857968"/>
              <a:gd name="connsiteX527" fmla="*/ 1268245 w 9497977"/>
              <a:gd name="connsiteY527" fmla="*/ 6183107 h 6857968"/>
              <a:gd name="connsiteX528" fmla="*/ 1054277 w 9497977"/>
              <a:gd name="connsiteY528" fmla="*/ 6183107 h 6857968"/>
              <a:gd name="connsiteX529" fmla="*/ 1054277 w 9497977"/>
              <a:gd name="connsiteY529" fmla="*/ 6254408 h 6857968"/>
              <a:gd name="connsiteX530" fmla="*/ 1125575 w 9497977"/>
              <a:gd name="connsiteY530" fmla="*/ 6254408 h 6857968"/>
              <a:gd name="connsiteX531" fmla="*/ 1125575 w 9497977"/>
              <a:gd name="connsiteY531" fmla="*/ 6183107 h 6857968"/>
              <a:gd name="connsiteX532" fmla="*/ 911663 w 9497977"/>
              <a:gd name="connsiteY532" fmla="*/ 6183107 h 6857968"/>
              <a:gd name="connsiteX533" fmla="*/ 911663 w 9497977"/>
              <a:gd name="connsiteY533" fmla="*/ 6254408 h 6857968"/>
              <a:gd name="connsiteX534" fmla="*/ 982964 w 9497977"/>
              <a:gd name="connsiteY534" fmla="*/ 6254408 h 6857968"/>
              <a:gd name="connsiteX535" fmla="*/ 982964 w 9497977"/>
              <a:gd name="connsiteY535" fmla="*/ 6183107 h 6857968"/>
              <a:gd name="connsiteX536" fmla="*/ 769001 w 9497977"/>
              <a:gd name="connsiteY536" fmla="*/ 6183107 h 6857968"/>
              <a:gd name="connsiteX537" fmla="*/ 769001 w 9497977"/>
              <a:gd name="connsiteY537" fmla="*/ 6254408 h 6857968"/>
              <a:gd name="connsiteX538" fmla="*/ 840299 w 9497977"/>
              <a:gd name="connsiteY538" fmla="*/ 6254408 h 6857968"/>
              <a:gd name="connsiteX539" fmla="*/ 840299 w 9497977"/>
              <a:gd name="connsiteY539" fmla="*/ 6183107 h 6857968"/>
              <a:gd name="connsiteX540" fmla="*/ 7329490 w 9497977"/>
              <a:gd name="connsiteY540" fmla="*/ 6040435 h 6857968"/>
              <a:gd name="connsiteX541" fmla="*/ 7329490 w 9497977"/>
              <a:gd name="connsiteY541" fmla="*/ 6111736 h 6857968"/>
              <a:gd name="connsiteX542" fmla="*/ 7400791 w 9497977"/>
              <a:gd name="connsiteY542" fmla="*/ 6111736 h 6857968"/>
              <a:gd name="connsiteX543" fmla="*/ 7400791 w 9497977"/>
              <a:gd name="connsiteY543" fmla="*/ 6040435 h 6857968"/>
              <a:gd name="connsiteX544" fmla="*/ 7186888 w 9497977"/>
              <a:gd name="connsiteY544" fmla="*/ 6040435 h 6857968"/>
              <a:gd name="connsiteX545" fmla="*/ 7186888 w 9497977"/>
              <a:gd name="connsiteY545" fmla="*/ 6111736 h 6857968"/>
              <a:gd name="connsiteX546" fmla="*/ 7258188 w 9497977"/>
              <a:gd name="connsiteY546" fmla="*/ 6111736 h 6857968"/>
              <a:gd name="connsiteX547" fmla="*/ 7258188 w 9497977"/>
              <a:gd name="connsiteY547" fmla="*/ 6040435 h 6857968"/>
              <a:gd name="connsiteX548" fmla="*/ 7044216 w 9497977"/>
              <a:gd name="connsiteY548" fmla="*/ 6040435 h 6857968"/>
              <a:gd name="connsiteX549" fmla="*/ 7044216 w 9497977"/>
              <a:gd name="connsiteY549" fmla="*/ 6111736 h 6857968"/>
              <a:gd name="connsiteX550" fmla="*/ 7115517 w 9497977"/>
              <a:gd name="connsiteY550" fmla="*/ 6111736 h 6857968"/>
              <a:gd name="connsiteX551" fmla="*/ 7115517 w 9497977"/>
              <a:gd name="connsiteY551" fmla="*/ 6040435 h 6857968"/>
              <a:gd name="connsiteX552" fmla="*/ 6901543 w 9497977"/>
              <a:gd name="connsiteY552" fmla="*/ 6040435 h 6857968"/>
              <a:gd name="connsiteX553" fmla="*/ 6901543 w 9497977"/>
              <a:gd name="connsiteY553" fmla="*/ 6111736 h 6857968"/>
              <a:gd name="connsiteX554" fmla="*/ 6972844 w 9497977"/>
              <a:gd name="connsiteY554" fmla="*/ 6111736 h 6857968"/>
              <a:gd name="connsiteX555" fmla="*/ 6972844 w 9497977"/>
              <a:gd name="connsiteY555" fmla="*/ 6040435 h 6857968"/>
              <a:gd name="connsiteX556" fmla="*/ 6758942 w 9497977"/>
              <a:gd name="connsiteY556" fmla="*/ 6040435 h 6857968"/>
              <a:gd name="connsiteX557" fmla="*/ 6758942 w 9497977"/>
              <a:gd name="connsiteY557" fmla="*/ 6111736 h 6857968"/>
              <a:gd name="connsiteX558" fmla="*/ 6830242 w 9497977"/>
              <a:gd name="connsiteY558" fmla="*/ 6111736 h 6857968"/>
              <a:gd name="connsiteX559" fmla="*/ 6830242 w 9497977"/>
              <a:gd name="connsiteY559" fmla="*/ 6040435 h 6857968"/>
              <a:gd name="connsiteX560" fmla="*/ 6616269 w 9497977"/>
              <a:gd name="connsiteY560" fmla="*/ 6040435 h 6857968"/>
              <a:gd name="connsiteX561" fmla="*/ 6616269 w 9497977"/>
              <a:gd name="connsiteY561" fmla="*/ 6111736 h 6857968"/>
              <a:gd name="connsiteX562" fmla="*/ 6687570 w 9497977"/>
              <a:gd name="connsiteY562" fmla="*/ 6111736 h 6857968"/>
              <a:gd name="connsiteX563" fmla="*/ 6687570 w 9497977"/>
              <a:gd name="connsiteY563" fmla="*/ 6040435 h 6857968"/>
              <a:gd name="connsiteX564" fmla="*/ 6473667 w 9497977"/>
              <a:gd name="connsiteY564" fmla="*/ 6040435 h 6857968"/>
              <a:gd name="connsiteX565" fmla="*/ 6473667 w 9497977"/>
              <a:gd name="connsiteY565" fmla="*/ 6111736 h 6857968"/>
              <a:gd name="connsiteX566" fmla="*/ 6544968 w 9497977"/>
              <a:gd name="connsiteY566" fmla="*/ 6111736 h 6857968"/>
              <a:gd name="connsiteX567" fmla="*/ 6544968 w 9497977"/>
              <a:gd name="connsiteY567" fmla="*/ 6040435 h 6857968"/>
              <a:gd name="connsiteX568" fmla="*/ 6330995 w 9497977"/>
              <a:gd name="connsiteY568" fmla="*/ 6040435 h 6857968"/>
              <a:gd name="connsiteX569" fmla="*/ 6330995 w 9497977"/>
              <a:gd name="connsiteY569" fmla="*/ 6111736 h 6857968"/>
              <a:gd name="connsiteX570" fmla="*/ 6402296 w 9497977"/>
              <a:gd name="connsiteY570" fmla="*/ 6111736 h 6857968"/>
              <a:gd name="connsiteX571" fmla="*/ 6402296 w 9497977"/>
              <a:gd name="connsiteY571" fmla="*/ 6040435 h 6857968"/>
              <a:gd name="connsiteX572" fmla="*/ 6188393 w 9497977"/>
              <a:gd name="connsiteY572" fmla="*/ 6040435 h 6857968"/>
              <a:gd name="connsiteX573" fmla="*/ 6188393 w 9497977"/>
              <a:gd name="connsiteY573" fmla="*/ 6111736 h 6857968"/>
              <a:gd name="connsiteX574" fmla="*/ 6259694 w 9497977"/>
              <a:gd name="connsiteY574" fmla="*/ 6111736 h 6857968"/>
              <a:gd name="connsiteX575" fmla="*/ 6259694 w 9497977"/>
              <a:gd name="connsiteY575" fmla="*/ 6040435 h 6857968"/>
              <a:gd name="connsiteX576" fmla="*/ 6045721 w 9497977"/>
              <a:gd name="connsiteY576" fmla="*/ 6040435 h 6857968"/>
              <a:gd name="connsiteX577" fmla="*/ 6045721 w 9497977"/>
              <a:gd name="connsiteY577" fmla="*/ 6111736 h 6857968"/>
              <a:gd name="connsiteX578" fmla="*/ 6117021 w 9497977"/>
              <a:gd name="connsiteY578" fmla="*/ 6111736 h 6857968"/>
              <a:gd name="connsiteX579" fmla="*/ 6117021 w 9497977"/>
              <a:gd name="connsiteY579" fmla="*/ 6040435 h 6857968"/>
              <a:gd name="connsiteX580" fmla="*/ 5903048 w 9497977"/>
              <a:gd name="connsiteY580" fmla="*/ 6040435 h 6857968"/>
              <a:gd name="connsiteX581" fmla="*/ 5903048 w 9497977"/>
              <a:gd name="connsiteY581" fmla="*/ 6111736 h 6857968"/>
              <a:gd name="connsiteX582" fmla="*/ 5974349 w 9497977"/>
              <a:gd name="connsiteY582" fmla="*/ 6111736 h 6857968"/>
              <a:gd name="connsiteX583" fmla="*/ 5974349 w 9497977"/>
              <a:gd name="connsiteY583" fmla="*/ 6040435 h 6857968"/>
              <a:gd name="connsiteX584" fmla="*/ 5760447 w 9497977"/>
              <a:gd name="connsiteY584" fmla="*/ 6040435 h 6857968"/>
              <a:gd name="connsiteX585" fmla="*/ 5760447 w 9497977"/>
              <a:gd name="connsiteY585" fmla="*/ 6111736 h 6857968"/>
              <a:gd name="connsiteX586" fmla="*/ 5831748 w 9497977"/>
              <a:gd name="connsiteY586" fmla="*/ 6111736 h 6857968"/>
              <a:gd name="connsiteX587" fmla="*/ 5831748 w 9497977"/>
              <a:gd name="connsiteY587" fmla="*/ 6040435 h 6857968"/>
              <a:gd name="connsiteX588" fmla="*/ 5617774 w 9497977"/>
              <a:gd name="connsiteY588" fmla="*/ 6040435 h 6857968"/>
              <a:gd name="connsiteX589" fmla="*/ 5617774 w 9497977"/>
              <a:gd name="connsiteY589" fmla="*/ 6111736 h 6857968"/>
              <a:gd name="connsiteX590" fmla="*/ 5689075 w 9497977"/>
              <a:gd name="connsiteY590" fmla="*/ 6111736 h 6857968"/>
              <a:gd name="connsiteX591" fmla="*/ 5689075 w 9497977"/>
              <a:gd name="connsiteY591" fmla="*/ 6040435 h 6857968"/>
              <a:gd name="connsiteX592" fmla="*/ 5475173 w 9497977"/>
              <a:gd name="connsiteY592" fmla="*/ 6040435 h 6857968"/>
              <a:gd name="connsiteX593" fmla="*/ 5475173 w 9497977"/>
              <a:gd name="connsiteY593" fmla="*/ 6111736 h 6857968"/>
              <a:gd name="connsiteX594" fmla="*/ 5546474 w 9497977"/>
              <a:gd name="connsiteY594" fmla="*/ 6111736 h 6857968"/>
              <a:gd name="connsiteX595" fmla="*/ 5546474 w 9497977"/>
              <a:gd name="connsiteY595" fmla="*/ 6040435 h 6857968"/>
              <a:gd name="connsiteX596" fmla="*/ 5332500 w 9497977"/>
              <a:gd name="connsiteY596" fmla="*/ 6040435 h 6857968"/>
              <a:gd name="connsiteX597" fmla="*/ 5332500 w 9497977"/>
              <a:gd name="connsiteY597" fmla="*/ 6111736 h 6857968"/>
              <a:gd name="connsiteX598" fmla="*/ 5403801 w 9497977"/>
              <a:gd name="connsiteY598" fmla="*/ 6111736 h 6857968"/>
              <a:gd name="connsiteX599" fmla="*/ 5403801 w 9497977"/>
              <a:gd name="connsiteY599" fmla="*/ 6040435 h 6857968"/>
              <a:gd name="connsiteX600" fmla="*/ 5189828 w 9497977"/>
              <a:gd name="connsiteY600" fmla="*/ 6040435 h 6857968"/>
              <a:gd name="connsiteX601" fmla="*/ 5189828 w 9497977"/>
              <a:gd name="connsiteY601" fmla="*/ 6111736 h 6857968"/>
              <a:gd name="connsiteX602" fmla="*/ 5261129 w 9497977"/>
              <a:gd name="connsiteY602" fmla="*/ 6111736 h 6857968"/>
              <a:gd name="connsiteX603" fmla="*/ 5261129 w 9497977"/>
              <a:gd name="connsiteY603" fmla="*/ 6040435 h 6857968"/>
              <a:gd name="connsiteX604" fmla="*/ 5047226 w 9497977"/>
              <a:gd name="connsiteY604" fmla="*/ 6040435 h 6857968"/>
              <a:gd name="connsiteX605" fmla="*/ 5047226 w 9497977"/>
              <a:gd name="connsiteY605" fmla="*/ 6111736 h 6857968"/>
              <a:gd name="connsiteX606" fmla="*/ 5118527 w 9497977"/>
              <a:gd name="connsiteY606" fmla="*/ 6111736 h 6857968"/>
              <a:gd name="connsiteX607" fmla="*/ 5118527 w 9497977"/>
              <a:gd name="connsiteY607" fmla="*/ 6040435 h 6857968"/>
              <a:gd name="connsiteX608" fmla="*/ 4904553 w 9497977"/>
              <a:gd name="connsiteY608" fmla="*/ 6040435 h 6857968"/>
              <a:gd name="connsiteX609" fmla="*/ 4904553 w 9497977"/>
              <a:gd name="connsiteY609" fmla="*/ 6111736 h 6857968"/>
              <a:gd name="connsiteX610" fmla="*/ 4975854 w 9497977"/>
              <a:gd name="connsiteY610" fmla="*/ 6111736 h 6857968"/>
              <a:gd name="connsiteX611" fmla="*/ 4975854 w 9497977"/>
              <a:gd name="connsiteY611" fmla="*/ 6040435 h 6857968"/>
              <a:gd name="connsiteX612" fmla="*/ 4761952 w 9497977"/>
              <a:gd name="connsiteY612" fmla="*/ 6040435 h 6857968"/>
              <a:gd name="connsiteX613" fmla="*/ 4761952 w 9497977"/>
              <a:gd name="connsiteY613" fmla="*/ 6111736 h 6857968"/>
              <a:gd name="connsiteX614" fmla="*/ 4833253 w 9497977"/>
              <a:gd name="connsiteY614" fmla="*/ 6111736 h 6857968"/>
              <a:gd name="connsiteX615" fmla="*/ 4833253 w 9497977"/>
              <a:gd name="connsiteY615" fmla="*/ 6040435 h 6857968"/>
              <a:gd name="connsiteX616" fmla="*/ 4619279 w 9497977"/>
              <a:gd name="connsiteY616" fmla="*/ 6040435 h 6857968"/>
              <a:gd name="connsiteX617" fmla="*/ 4619279 w 9497977"/>
              <a:gd name="connsiteY617" fmla="*/ 6111736 h 6857968"/>
              <a:gd name="connsiteX618" fmla="*/ 4690580 w 9497977"/>
              <a:gd name="connsiteY618" fmla="*/ 6111736 h 6857968"/>
              <a:gd name="connsiteX619" fmla="*/ 4690580 w 9497977"/>
              <a:gd name="connsiteY619" fmla="*/ 6040435 h 6857968"/>
              <a:gd name="connsiteX620" fmla="*/ 4476678 w 9497977"/>
              <a:gd name="connsiteY620" fmla="*/ 6040435 h 6857968"/>
              <a:gd name="connsiteX621" fmla="*/ 4476678 w 9497977"/>
              <a:gd name="connsiteY621" fmla="*/ 6111736 h 6857968"/>
              <a:gd name="connsiteX622" fmla="*/ 4547979 w 9497977"/>
              <a:gd name="connsiteY622" fmla="*/ 6111736 h 6857968"/>
              <a:gd name="connsiteX623" fmla="*/ 4547979 w 9497977"/>
              <a:gd name="connsiteY623" fmla="*/ 6040435 h 6857968"/>
              <a:gd name="connsiteX624" fmla="*/ 4334005 w 9497977"/>
              <a:gd name="connsiteY624" fmla="*/ 6040435 h 6857968"/>
              <a:gd name="connsiteX625" fmla="*/ 4334005 w 9497977"/>
              <a:gd name="connsiteY625" fmla="*/ 6111736 h 6857968"/>
              <a:gd name="connsiteX626" fmla="*/ 4405306 w 9497977"/>
              <a:gd name="connsiteY626" fmla="*/ 6111736 h 6857968"/>
              <a:gd name="connsiteX627" fmla="*/ 4405306 w 9497977"/>
              <a:gd name="connsiteY627" fmla="*/ 6040435 h 6857968"/>
              <a:gd name="connsiteX628" fmla="*/ 4191404 w 9497977"/>
              <a:gd name="connsiteY628" fmla="*/ 6040435 h 6857968"/>
              <a:gd name="connsiteX629" fmla="*/ 4191404 w 9497977"/>
              <a:gd name="connsiteY629" fmla="*/ 6111736 h 6857968"/>
              <a:gd name="connsiteX630" fmla="*/ 4262705 w 9497977"/>
              <a:gd name="connsiteY630" fmla="*/ 6111736 h 6857968"/>
              <a:gd name="connsiteX631" fmla="*/ 4262705 w 9497977"/>
              <a:gd name="connsiteY631" fmla="*/ 6040435 h 6857968"/>
              <a:gd name="connsiteX632" fmla="*/ 4048731 w 9497977"/>
              <a:gd name="connsiteY632" fmla="*/ 6040435 h 6857968"/>
              <a:gd name="connsiteX633" fmla="*/ 4048731 w 9497977"/>
              <a:gd name="connsiteY633" fmla="*/ 6111736 h 6857968"/>
              <a:gd name="connsiteX634" fmla="*/ 4120032 w 9497977"/>
              <a:gd name="connsiteY634" fmla="*/ 6111736 h 6857968"/>
              <a:gd name="connsiteX635" fmla="*/ 4120032 w 9497977"/>
              <a:gd name="connsiteY635" fmla="*/ 6040435 h 6857968"/>
              <a:gd name="connsiteX636" fmla="*/ 3906059 w 9497977"/>
              <a:gd name="connsiteY636" fmla="*/ 6040435 h 6857968"/>
              <a:gd name="connsiteX637" fmla="*/ 3906059 w 9497977"/>
              <a:gd name="connsiteY637" fmla="*/ 6111736 h 6857968"/>
              <a:gd name="connsiteX638" fmla="*/ 3977360 w 9497977"/>
              <a:gd name="connsiteY638" fmla="*/ 6111736 h 6857968"/>
              <a:gd name="connsiteX639" fmla="*/ 3977360 w 9497977"/>
              <a:gd name="connsiteY639" fmla="*/ 6040435 h 6857968"/>
              <a:gd name="connsiteX640" fmla="*/ 3763457 w 9497977"/>
              <a:gd name="connsiteY640" fmla="*/ 6040435 h 6857968"/>
              <a:gd name="connsiteX641" fmla="*/ 3763457 w 9497977"/>
              <a:gd name="connsiteY641" fmla="*/ 6111736 h 6857968"/>
              <a:gd name="connsiteX642" fmla="*/ 3834758 w 9497977"/>
              <a:gd name="connsiteY642" fmla="*/ 6111736 h 6857968"/>
              <a:gd name="connsiteX643" fmla="*/ 3834758 w 9497977"/>
              <a:gd name="connsiteY643" fmla="*/ 6040435 h 6857968"/>
              <a:gd name="connsiteX644" fmla="*/ 3620784 w 9497977"/>
              <a:gd name="connsiteY644" fmla="*/ 6040435 h 6857968"/>
              <a:gd name="connsiteX645" fmla="*/ 3620784 w 9497977"/>
              <a:gd name="connsiteY645" fmla="*/ 6111736 h 6857968"/>
              <a:gd name="connsiteX646" fmla="*/ 3692085 w 9497977"/>
              <a:gd name="connsiteY646" fmla="*/ 6111736 h 6857968"/>
              <a:gd name="connsiteX647" fmla="*/ 3692085 w 9497977"/>
              <a:gd name="connsiteY647" fmla="*/ 6040435 h 6857968"/>
              <a:gd name="connsiteX648" fmla="*/ 3478184 w 9497977"/>
              <a:gd name="connsiteY648" fmla="*/ 6040435 h 6857968"/>
              <a:gd name="connsiteX649" fmla="*/ 3478184 w 9497977"/>
              <a:gd name="connsiteY649" fmla="*/ 6111736 h 6857968"/>
              <a:gd name="connsiteX650" fmla="*/ 3549484 w 9497977"/>
              <a:gd name="connsiteY650" fmla="*/ 6111736 h 6857968"/>
              <a:gd name="connsiteX651" fmla="*/ 3549484 w 9497977"/>
              <a:gd name="connsiteY651" fmla="*/ 6040435 h 6857968"/>
              <a:gd name="connsiteX652" fmla="*/ 3335511 w 9497977"/>
              <a:gd name="connsiteY652" fmla="*/ 6040435 h 6857968"/>
              <a:gd name="connsiteX653" fmla="*/ 3335511 w 9497977"/>
              <a:gd name="connsiteY653" fmla="*/ 6111736 h 6857968"/>
              <a:gd name="connsiteX654" fmla="*/ 3406811 w 9497977"/>
              <a:gd name="connsiteY654" fmla="*/ 6111736 h 6857968"/>
              <a:gd name="connsiteX655" fmla="*/ 3406811 w 9497977"/>
              <a:gd name="connsiteY655" fmla="*/ 6040435 h 6857968"/>
              <a:gd name="connsiteX656" fmla="*/ 3192839 w 9497977"/>
              <a:gd name="connsiteY656" fmla="*/ 6040435 h 6857968"/>
              <a:gd name="connsiteX657" fmla="*/ 3192839 w 9497977"/>
              <a:gd name="connsiteY657" fmla="*/ 6111736 h 6857968"/>
              <a:gd name="connsiteX658" fmla="*/ 3264139 w 9497977"/>
              <a:gd name="connsiteY658" fmla="*/ 6111736 h 6857968"/>
              <a:gd name="connsiteX659" fmla="*/ 3264139 w 9497977"/>
              <a:gd name="connsiteY659" fmla="*/ 6040435 h 6857968"/>
              <a:gd name="connsiteX660" fmla="*/ 3050237 w 9497977"/>
              <a:gd name="connsiteY660" fmla="*/ 6040435 h 6857968"/>
              <a:gd name="connsiteX661" fmla="*/ 3050237 w 9497977"/>
              <a:gd name="connsiteY661" fmla="*/ 6111736 h 6857968"/>
              <a:gd name="connsiteX662" fmla="*/ 3121537 w 9497977"/>
              <a:gd name="connsiteY662" fmla="*/ 6111736 h 6857968"/>
              <a:gd name="connsiteX663" fmla="*/ 3121537 w 9497977"/>
              <a:gd name="connsiteY663" fmla="*/ 6040435 h 6857968"/>
              <a:gd name="connsiteX664" fmla="*/ 2907564 w 9497977"/>
              <a:gd name="connsiteY664" fmla="*/ 6040435 h 6857968"/>
              <a:gd name="connsiteX665" fmla="*/ 2907564 w 9497977"/>
              <a:gd name="connsiteY665" fmla="*/ 6111736 h 6857968"/>
              <a:gd name="connsiteX666" fmla="*/ 2978865 w 9497977"/>
              <a:gd name="connsiteY666" fmla="*/ 6111736 h 6857968"/>
              <a:gd name="connsiteX667" fmla="*/ 2978865 w 9497977"/>
              <a:gd name="connsiteY667" fmla="*/ 6040435 h 6857968"/>
              <a:gd name="connsiteX668" fmla="*/ 2764962 w 9497977"/>
              <a:gd name="connsiteY668" fmla="*/ 6040435 h 6857968"/>
              <a:gd name="connsiteX669" fmla="*/ 2764962 w 9497977"/>
              <a:gd name="connsiteY669" fmla="*/ 6111736 h 6857968"/>
              <a:gd name="connsiteX670" fmla="*/ 2836263 w 9497977"/>
              <a:gd name="connsiteY670" fmla="*/ 6111736 h 6857968"/>
              <a:gd name="connsiteX671" fmla="*/ 2836263 w 9497977"/>
              <a:gd name="connsiteY671" fmla="*/ 6040435 h 6857968"/>
              <a:gd name="connsiteX672" fmla="*/ 2622291 w 9497977"/>
              <a:gd name="connsiteY672" fmla="*/ 6040435 h 6857968"/>
              <a:gd name="connsiteX673" fmla="*/ 2622291 w 9497977"/>
              <a:gd name="connsiteY673" fmla="*/ 6111736 h 6857968"/>
              <a:gd name="connsiteX674" fmla="*/ 2693591 w 9497977"/>
              <a:gd name="connsiteY674" fmla="*/ 6111736 h 6857968"/>
              <a:gd name="connsiteX675" fmla="*/ 2693591 w 9497977"/>
              <a:gd name="connsiteY675" fmla="*/ 6040435 h 6857968"/>
              <a:gd name="connsiteX676" fmla="*/ 2479688 w 9497977"/>
              <a:gd name="connsiteY676" fmla="*/ 6040435 h 6857968"/>
              <a:gd name="connsiteX677" fmla="*/ 2479688 w 9497977"/>
              <a:gd name="connsiteY677" fmla="*/ 6111736 h 6857968"/>
              <a:gd name="connsiteX678" fmla="*/ 2550990 w 9497977"/>
              <a:gd name="connsiteY678" fmla="*/ 6111736 h 6857968"/>
              <a:gd name="connsiteX679" fmla="*/ 2550990 w 9497977"/>
              <a:gd name="connsiteY679" fmla="*/ 6040435 h 6857968"/>
              <a:gd name="connsiteX680" fmla="*/ 2337016 w 9497977"/>
              <a:gd name="connsiteY680" fmla="*/ 6040435 h 6857968"/>
              <a:gd name="connsiteX681" fmla="*/ 2337016 w 9497977"/>
              <a:gd name="connsiteY681" fmla="*/ 6111736 h 6857968"/>
              <a:gd name="connsiteX682" fmla="*/ 2408317 w 9497977"/>
              <a:gd name="connsiteY682" fmla="*/ 6111736 h 6857968"/>
              <a:gd name="connsiteX683" fmla="*/ 2408317 w 9497977"/>
              <a:gd name="connsiteY683" fmla="*/ 6040435 h 6857968"/>
              <a:gd name="connsiteX684" fmla="*/ 2195429 w 9497977"/>
              <a:gd name="connsiteY684" fmla="*/ 6040435 h 6857968"/>
              <a:gd name="connsiteX685" fmla="*/ 2195429 w 9497977"/>
              <a:gd name="connsiteY685" fmla="*/ 6111736 h 6857968"/>
              <a:gd name="connsiteX686" fmla="*/ 2266731 w 9497977"/>
              <a:gd name="connsiteY686" fmla="*/ 6111736 h 6857968"/>
              <a:gd name="connsiteX687" fmla="*/ 2266731 w 9497977"/>
              <a:gd name="connsiteY687" fmla="*/ 6040435 h 6857968"/>
              <a:gd name="connsiteX688" fmla="*/ 2052828 w 9497977"/>
              <a:gd name="connsiteY688" fmla="*/ 6040435 h 6857968"/>
              <a:gd name="connsiteX689" fmla="*/ 2052828 w 9497977"/>
              <a:gd name="connsiteY689" fmla="*/ 6111736 h 6857968"/>
              <a:gd name="connsiteX690" fmla="*/ 2124128 w 9497977"/>
              <a:gd name="connsiteY690" fmla="*/ 6111736 h 6857968"/>
              <a:gd name="connsiteX691" fmla="*/ 2124128 w 9497977"/>
              <a:gd name="connsiteY691" fmla="*/ 6040435 h 6857968"/>
              <a:gd name="connsiteX692" fmla="*/ 1910155 w 9497977"/>
              <a:gd name="connsiteY692" fmla="*/ 6040435 h 6857968"/>
              <a:gd name="connsiteX693" fmla="*/ 1910155 w 9497977"/>
              <a:gd name="connsiteY693" fmla="*/ 6111736 h 6857968"/>
              <a:gd name="connsiteX694" fmla="*/ 1981455 w 9497977"/>
              <a:gd name="connsiteY694" fmla="*/ 6111736 h 6857968"/>
              <a:gd name="connsiteX695" fmla="*/ 1981455 w 9497977"/>
              <a:gd name="connsiteY695" fmla="*/ 6040435 h 6857968"/>
              <a:gd name="connsiteX696" fmla="*/ 1767483 w 9497977"/>
              <a:gd name="connsiteY696" fmla="*/ 6040435 h 6857968"/>
              <a:gd name="connsiteX697" fmla="*/ 1767483 w 9497977"/>
              <a:gd name="connsiteY697" fmla="*/ 6111736 h 6857968"/>
              <a:gd name="connsiteX698" fmla="*/ 1838783 w 9497977"/>
              <a:gd name="connsiteY698" fmla="*/ 6111736 h 6857968"/>
              <a:gd name="connsiteX699" fmla="*/ 1838783 w 9497977"/>
              <a:gd name="connsiteY699" fmla="*/ 6040435 h 6857968"/>
              <a:gd name="connsiteX700" fmla="*/ 1624882 w 9497977"/>
              <a:gd name="connsiteY700" fmla="*/ 6040435 h 6857968"/>
              <a:gd name="connsiteX701" fmla="*/ 1624882 w 9497977"/>
              <a:gd name="connsiteY701" fmla="*/ 6111736 h 6857968"/>
              <a:gd name="connsiteX702" fmla="*/ 1696183 w 9497977"/>
              <a:gd name="connsiteY702" fmla="*/ 6111736 h 6857968"/>
              <a:gd name="connsiteX703" fmla="*/ 1696183 w 9497977"/>
              <a:gd name="connsiteY703" fmla="*/ 6040435 h 6857968"/>
              <a:gd name="connsiteX704" fmla="*/ 1482218 w 9497977"/>
              <a:gd name="connsiteY704" fmla="*/ 6040435 h 6857968"/>
              <a:gd name="connsiteX705" fmla="*/ 1482218 w 9497977"/>
              <a:gd name="connsiteY705" fmla="*/ 6111736 h 6857968"/>
              <a:gd name="connsiteX706" fmla="*/ 1553511 w 9497977"/>
              <a:gd name="connsiteY706" fmla="*/ 6111736 h 6857968"/>
              <a:gd name="connsiteX707" fmla="*/ 1553511 w 9497977"/>
              <a:gd name="connsiteY707" fmla="*/ 6040435 h 6857968"/>
              <a:gd name="connsiteX708" fmla="*/ 1339621 w 9497977"/>
              <a:gd name="connsiteY708" fmla="*/ 6040435 h 6857968"/>
              <a:gd name="connsiteX709" fmla="*/ 1339621 w 9497977"/>
              <a:gd name="connsiteY709" fmla="*/ 6111736 h 6857968"/>
              <a:gd name="connsiteX710" fmla="*/ 1410920 w 9497977"/>
              <a:gd name="connsiteY710" fmla="*/ 6111736 h 6857968"/>
              <a:gd name="connsiteX711" fmla="*/ 1410920 w 9497977"/>
              <a:gd name="connsiteY711" fmla="*/ 6040435 h 6857968"/>
              <a:gd name="connsiteX712" fmla="*/ 1196948 w 9497977"/>
              <a:gd name="connsiteY712" fmla="*/ 6040435 h 6857968"/>
              <a:gd name="connsiteX713" fmla="*/ 1196948 w 9497977"/>
              <a:gd name="connsiteY713" fmla="*/ 6111736 h 6857968"/>
              <a:gd name="connsiteX714" fmla="*/ 1268245 w 9497977"/>
              <a:gd name="connsiteY714" fmla="*/ 6111736 h 6857968"/>
              <a:gd name="connsiteX715" fmla="*/ 1268245 w 9497977"/>
              <a:gd name="connsiteY715" fmla="*/ 6040435 h 6857968"/>
              <a:gd name="connsiteX716" fmla="*/ 1054277 w 9497977"/>
              <a:gd name="connsiteY716" fmla="*/ 6040435 h 6857968"/>
              <a:gd name="connsiteX717" fmla="*/ 1054277 w 9497977"/>
              <a:gd name="connsiteY717" fmla="*/ 6111736 h 6857968"/>
              <a:gd name="connsiteX718" fmla="*/ 1125575 w 9497977"/>
              <a:gd name="connsiteY718" fmla="*/ 6111736 h 6857968"/>
              <a:gd name="connsiteX719" fmla="*/ 1125575 w 9497977"/>
              <a:gd name="connsiteY719" fmla="*/ 6040435 h 6857968"/>
              <a:gd name="connsiteX720" fmla="*/ 911663 w 9497977"/>
              <a:gd name="connsiteY720" fmla="*/ 6040435 h 6857968"/>
              <a:gd name="connsiteX721" fmla="*/ 911663 w 9497977"/>
              <a:gd name="connsiteY721" fmla="*/ 6111736 h 6857968"/>
              <a:gd name="connsiteX722" fmla="*/ 982964 w 9497977"/>
              <a:gd name="connsiteY722" fmla="*/ 6111736 h 6857968"/>
              <a:gd name="connsiteX723" fmla="*/ 982964 w 9497977"/>
              <a:gd name="connsiteY723" fmla="*/ 6040435 h 6857968"/>
              <a:gd name="connsiteX724" fmla="*/ 6857645 w 9497977"/>
              <a:gd name="connsiteY724" fmla="*/ 0 h 6857968"/>
              <a:gd name="connsiteX725" fmla="*/ 9497977 w 9497977"/>
              <a:gd name="connsiteY725" fmla="*/ 0 h 6857968"/>
              <a:gd name="connsiteX726" fmla="*/ 9497977 w 9497977"/>
              <a:gd name="connsiteY726" fmla="*/ 6857968 h 6857968"/>
              <a:gd name="connsiteX727" fmla="*/ 0 w 9497977"/>
              <a:gd name="connsiteY727" fmla="*/ 6857968 h 6857968"/>
              <a:gd name="connsiteX728" fmla="*/ 341118 w 9497977"/>
              <a:gd name="connsiteY728" fmla="*/ 6516838 h 6857968"/>
              <a:gd name="connsiteX729" fmla="*/ 341118 w 9497977"/>
              <a:gd name="connsiteY729" fmla="*/ 6545648 h 6857968"/>
              <a:gd name="connsiteX730" fmla="*/ 412416 w 9497977"/>
              <a:gd name="connsiteY730" fmla="*/ 6545648 h 6857968"/>
              <a:gd name="connsiteX731" fmla="*/ 412416 w 9497977"/>
              <a:gd name="connsiteY731" fmla="*/ 6474347 h 6857968"/>
              <a:gd name="connsiteX732" fmla="*/ 383607 w 9497977"/>
              <a:gd name="connsiteY732" fmla="*/ 6474347 h 6857968"/>
              <a:gd name="connsiteX733" fmla="*/ 483718 w 9497977"/>
              <a:gd name="connsiteY733" fmla="*/ 6374231 h 6857968"/>
              <a:gd name="connsiteX734" fmla="*/ 483718 w 9497977"/>
              <a:gd name="connsiteY734" fmla="*/ 6397010 h 6857968"/>
              <a:gd name="connsiteX735" fmla="*/ 555020 w 9497977"/>
              <a:gd name="connsiteY735" fmla="*/ 6397010 h 6857968"/>
              <a:gd name="connsiteX736" fmla="*/ 555020 w 9497977"/>
              <a:gd name="connsiteY736" fmla="*/ 6325709 h 6857968"/>
              <a:gd name="connsiteX737" fmla="*/ 532239 w 9497977"/>
              <a:gd name="connsiteY737" fmla="*/ 6325709 h 6857968"/>
              <a:gd name="connsiteX738" fmla="*/ 626392 w 9497977"/>
              <a:gd name="connsiteY738" fmla="*/ 6231552 h 6857968"/>
              <a:gd name="connsiteX739" fmla="*/ 626392 w 9497977"/>
              <a:gd name="connsiteY739" fmla="*/ 6254408 h 6857968"/>
              <a:gd name="connsiteX740" fmla="*/ 697691 w 9497977"/>
              <a:gd name="connsiteY740" fmla="*/ 6254408 h 6857968"/>
              <a:gd name="connsiteX741" fmla="*/ 697691 w 9497977"/>
              <a:gd name="connsiteY741" fmla="*/ 6183107 h 6857968"/>
              <a:gd name="connsiteX742" fmla="*/ 674833 w 9497977"/>
              <a:gd name="connsiteY742" fmla="*/ 6183107 h 6857968"/>
              <a:gd name="connsiteX743" fmla="*/ 769001 w 9497977"/>
              <a:gd name="connsiteY743" fmla="*/ 6088935 h 6857968"/>
              <a:gd name="connsiteX744" fmla="*/ 769001 w 9497977"/>
              <a:gd name="connsiteY744" fmla="*/ 6111736 h 6857968"/>
              <a:gd name="connsiteX745" fmla="*/ 840303 w 9497977"/>
              <a:gd name="connsiteY745" fmla="*/ 6111736 h 6857968"/>
              <a:gd name="connsiteX746" fmla="*/ 840303 w 9497977"/>
              <a:gd name="connsiteY746" fmla="*/ 6040435 h 6857968"/>
              <a:gd name="connsiteX747" fmla="*/ 817496 w 9497977"/>
              <a:gd name="connsiteY747" fmla="*/ 6040435 h 6857968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  <a:cxn ang="0">
                <a:pos x="connsiteX17" y="connsiteY17"/>
              </a:cxn>
              <a:cxn ang="0">
                <a:pos x="connsiteX18" y="connsiteY18"/>
              </a:cxn>
              <a:cxn ang="0">
                <a:pos x="connsiteX19" y="connsiteY19"/>
              </a:cxn>
              <a:cxn ang="0">
                <a:pos x="connsiteX20" y="connsiteY20"/>
              </a:cxn>
              <a:cxn ang="0">
                <a:pos x="connsiteX21" y="connsiteY21"/>
              </a:cxn>
              <a:cxn ang="0">
                <a:pos x="connsiteX22" y="connsiteY22"/>
              </a:cxn>
              <a:cxn ang="0">
                <a:pos x="connsiteX23" y="connsiteY23"/>
              </a:cxn>
              <a:cxn ang="0">
                <a:pos x="connsiteX24" y="connsiteY24"/>
              </a:cxn>
              <a:cxn ang="0">
                <a:pos x="connsiteX25" y="connsiteY25"/>
              </a:cxn>
              <a:cxn ang="0">
                <a:pos x="connsiteX26" y="connsiteY26"/>
              </a:cxn>
              <a:cxn ang="0">
                <a:pos x="connsiteX27" y="connsiteY27"/>
              </a:cxn>
              <a:cxn ang="0">
                <a:pos x="connsiteX28" y="connsiteY28"/>
              </a:cxn>
              <a:cxn ang="0">
                <a:pos x="connsiteX29" y="connsiteY29"/>
              </a:cxn>
              <a:cxn ang="0">
                <a:pos x="connsiteX30" y="connsiteY30"/>
              </a:cxn>
              <a:cxn ang="0">
                <a:pos x="connsiteX31" y="connsiteY31"/>
              </a:cxn>
              <a:cxn ang="0">
                <a:pos x="connsiteX32" y="connsiteY32"/>
              </a:cxn>
              <a:cxn ang="0">
                <a:pos x="connsiteX33" y="connsiteY33"/>
              </a:cxn>
              <a:cxn ang="0">
                <a:pos x="connsiteX34" y="connsiteY34"/>
              </a:cxn>
              <a:cxn ang="0">
                <a:pos x="connsiteX35" y="connsiteY35"/>
              </a:cxn>
              <a:cxn ang="0">
                <a:pos x="connsiteX36" y="connsiteY36"/>
              </a:cxn>
              <a:cxn ang="0">
                <a:pos x="connsiteX37" y="connsiteY37"/>
              </a:cxn>
              <a:cxn ang="0">
                <a:pos x="connsiteX38" y="connsiteY38"/>
              </a:cxn>
              <a:cxn ang="0">
                <a:pos x="connsiteX39" y="connsiteY39"/>
              </a:cxn>
              <a:cxn ang="0">
                <a:pos x="connsiteX40" y="connsiteY40"/>
              </a:cxn>
              <a:cxn ang="0">
                <a:pos x="connsiteX41" y="connsiteY41"/>
              </a:cxn>
              <a:cxn ang="0">
                <a:pos x="connsiteX42" y="connsiteY42"/>
              </a:cxn>
              <a:cxn ang="0">
                <a:pos x="connsiteX43" y="connsiteY43"/>
              </a:cxn>
              <a:cxn ang="0">
                <a:pos x="connsiteX44" y="connsiteY44"/>
              </a:cxn>
              <a:cxn ang="0">
                <a:pos x="connsiteX45" y="connsiteY45"/>
              </a:cxn>
              <a:cxn ang="0">
                <a:pos x="connsiteX46" y="connsiteY46"/>
              </a:cxn>
              <a:cxn ang="0">
                <a:pos x="connsiteX47" y="connsiteY47"/>
              </a:cxn>
              <a:cxn ang="0">
                <a:pos x="connsiteX48" y="connsiteY48"/>
              </a:cxn>
              <a:cxn ang="0">
                <a:pos x="connsiteX49" y="connsiteY49"/>
              </a:cxn>
              <a:cxn ang="0">
                <a:pos x="connsiteX50" y="connsiteY50"/>
              </a:cxn>
              <a:cxn ang="0">
                <a:pos x="connsiteX51" y="connsiteY51"/>
              </a:cxn>
              <a:cxn ang="0">
                <a:pos x="connsiteX52" y="connsiteY52"/>
              </a:cxn>
              <a:cxn ang="0">
                <a:pos x="connsiteX53" y="connsiteY53"/>
              </a:cxn>
              <a:cxn ang="0">
                <a:pos x="connsiteX54" y="connsiteY54"/>
              </a:cxn>
              <a:cxn ang="0">
                <a:pos x="connsiteX55" y="connsiteY55"/>
              </a:cxn>
              <a:cxn ang="0">
                <a:pos x="connsiteX56" y="connsiteY56"/>
              </a:cxn>
              <a:cxn ang="0">
                <a:pos x="connsiteX57" y="connsiteY57"/>
              </a:cxn>
              <a:cxn ang="0">
                <a:pos x="connsiteX58" y="connsiteY58"/>
              </a:cxn>
              <a:cxn ang="0">
                <a:pos x="connsiteX59" y="connsiteY59"/>
              </a:cxn>
              <a:cxn ang="0">
                <a:pos x="connsiteX60" y="connsiteY60"/>
              </a:cxn>
              <a:cxn ang="0">
                <a:pos x="connsiteX61" y="connsiteY61"/>
              </a:cxn>
              <a:cxn ang="0">
                <a:pos x="connsiteX62" y="connsiteY62"/>
              </a:cxn>
              <a:cxn ang="0">
                <a:pos x="connsiteX63" y="connsiteY63"/>
              </a:cxn>
              <a:cxn ang="0">
                <a:pos x="connsiteX64" y="connsiteY64"/>
              </a:cxn>
              <a:cxn ang="0">
                <a:pos x="connsiteX65" y="connsiteY65"/>
              </a:cxn>
              <a:cxn ang="0">
                <a:pos x="connsiteX66" y="connsiteY66"/>
              </a:cxn>
              <a:cxn ang="0">
                <a:pos x="connsiteX67" y="connsiteY67"/>
              </a:cxn>
              <a:cxn ang="0">
                <a:pos x="connsiteX68" y="connsiteY68"/>
              </a:cxn>
              <a:cxn ang="0">
                <a:pos x="connsiteX69" y="connsiteY69"/>
              </a:cxn>
              <a:cxn ang="0">
                <a:pos x="connsiteX70" y="connsiteY70"/>
              </a:cxn>
              <a:cxn ang="0">
                <a:pos x="connsiteX71" y="connsiteY71"/>
              </a:cxn>
              <a:cxn ang="0">
                <a:pos x="connsiteX72" y="connsiteY72"/>
              </a:cxn>
              <a:cxn ang="0">
                <a:pos x="connsiteX73" y="connsiteY73"/>
              </a:cxn>
              <a:cxn ang="0">
                <a:pos x="connsiteX74" y="connsiteY74"/>
              </a:cxn>
              <a:cxn ang="0">
                <a:pos x="connsiteX75" y="connsiteY75"/>
              </a:cxn>
              <a:cxn ang="0">
                <a:pos x="connsiteX76" y="connsiteY76"/>
              </a:cxn>
              <a:cxn ang="0">
                <a:pos x="connsiteX77" y="connsiteY77"/>
              </a:cxn>
              <a:cxn ang="0">
                <a:pos x="connsiteX78" y="connsiteY78"/>
              </a:cxn>
              <a:cxn ang="0">
                <a:pos x="connsiteX79" y="connsiteY79"/>
              </a:cxn>
              <a:cxn ang="0">
                <a:pos x="connsiteX80" y="connsiteY80"/>
              </a:cxn>
              <a:cxn ang="0">
                <a:pos x="connsiteX81" y="connsiteY81"/>
              </a:cxn>
              <a:cxn ang="0">
                <a:pos x="connsiteX82" y="connsiteY82"/>
              </a:cxn>
              <a:cxn ang="0">
                <a:pos x="connsiteX83" y="connsiteY83"/>
              </a:cxn>
              <a:cxn ang="0">
                <a:pos x="connsiteX84" y="connsiteY84"/>
              </a:cxn>
              <a:cxn ang="0">
                <a:pos x="connsiteX85" y="connsiteY85"/>
              </a:cxn>
              <a:cxn ang="0">
                <a:pos x="connsiteX86" y="connsiteY86"/>
              </a:cxn>
              <a:cxn ang="0">
                <a:pos x="connsiteX87" y="connsiteY87"/>
              </a:cxn>
              <a:cxn ang="0">
                <a:pos x="connsiteX88" y="connsiteY88"/>
              </a:cxn>
              <a:cxn ang="0">
                <a:pos x="connsiteX89" y="connsiteY89"/>
              </a:cxn>
              <a:cxn ang="0">
                <a:pos x="connsiteX90" y="connsiteY90"/>
              </a:cxn>
              <a:cxn ang="0">
                <a:pos x="connsiteX91" y="connsiteY91"/>
              </a:cxn>
              <a:cxn ang="0">
                <a:pos x="connsiteX92" y="connsiteY92"/>
              </a:cxn>
              <a:cxn ang="0">
                <a:pos x="connsiteX93" y="connsiteY93"/>
              </a:cxn>
              <a:cxn ang="0">
                <a:pos x="connsiteX94" y="connsiteY94"/>
              </a:cxn>
              <a:cxn ang="0">
                <a:pos x="connsiteX95" y="connsiteY95"/>
              </a:cxn>
              <a:cxn ang="0">
                <a:pos x="connsiteX96" y="connsiteY96"/>
              </a:cxn>
              <a:cxn ang="0">
                <a:pos x="connsiteX97" y="connsiteY97"/>
              </a:cxn>
              <a:cxn ang="0">
                <a:pos x="connsiteX98" y="connsiteY98"/>
              </a:cxn>
              <a:cxn ang="0">
                <a:pos x="connsiteX99" y="connsiteY99"/>
              </a:cxn>
              <a:cxn ang="0">
                <a:pos x="connsiteX100" y="connsiteY100"/>
              </a:cxn>
              <a:cxn ang="0">
                <a:pos x="connsiteX101" y="connsiteY101"/>
              </a:cxn>
              <a:cxn ang="0">
                <a:pos x="connsiteX102" y="connsiteY102"/>
              </a:cxn>
              <a:cxn ang="0">
                <a:pos x="connsiteX103" y="connsiteY103"/>
              </a:cxn>
              <a:cxn ang="0">
                <a:pos x="connsiteX104" y="connsiteY104"/>
              </a:cxn>
              <a:cxn ang="0">
                <a:pos x="connsiteX105" y="connsiteY105"/>
              </a:cxn>
              <a:cxn ang="0">
                <a:pos x="connsiteX106" y="connsiteY106"/>
              </a:cxn>
              <a:cxn ang="0">
                <a:pos x="connsiteX107" y="connsiteY107"/>
              </a:cxn>
              <a:cxn ang="0">
                <a:pos x="connsiteX108" y="connsiteY108"/>
              </a:cxn>
              <a:cxn ang="0">
                <a:pos x="connsiteX109" y="connsiteY109"/>
              </a:cxn>
              <a:cxn ang="0">
                <a:pos x="connsiteX110" y="connsiteY110"/>
              </a:cxn>
              <a:cxn ang="0">
                <a:pos x="connsiteX111" y="connsiteY111"/>
              </a:cxn>
              <a:cxn ang="0">
                <a:pos x="connsiteX112" y="connsiteY112"/>
              </a:cxn>
              <a:cxn ang="0">
                <a:pos x="connsiteX113" y="connsiteY113"/>
              </a:cxn>
              <a:cxn ang="0">
                <a:pos x="connsiteX114" y="connsiteY114"/>
              </a:cxn>
              <a:cxn ang="0">
                <a:pos x="connsiteX115" y="connsiteY115"/>
              </a:cxn>
              <a:cxn ang="0">
                <a:pos x="connsiteX116" y="connsiteY116"/>
              </a:cxn>
              <a:cxn ang="0">
                <a:pos x="connsiteX117" y="connsiteY117"/>
              </a:cxn>
              <a:cxn ang="0">
                <a:pos x="connsiteX118" y="connsiteY118"/>
              </a:cxn>
              <a:cxn ang="0">
                <a:pos x="connsiteX119" y="connsiteY119"/>
              </a:cxn>
              <a:cxn ang="0">
                <a:pos x="connsiteX120" y="connsiteY120"/>
              </a:cxn>
              <a:cxn ang="0">
                <a:pos x="connsiteX121" y="connsiteY121"/>
              </a:cxn>
              <a:cxn ang="0">
                <a:pos x="connsiteX122" y="connsiteY122"/>
              </a:cxn>
              <a:cxn ang="0">
                <a:pos x="connsiteX123" y="connsiteY123"/>
              </a:cxn>
              <a:cxn ang="0">
                <a:pos x="connsiteX124" y="connsiteY124"/>
              </a:cxn>
              <a:cxn ang="0">
                <a:pos x="connsiteX125" y="connsiteY125"/>
              </a:cxn>
              <a:cxn ang="0">
                <a:pos x="connsiteX126" y="connsiteY126"/>
              </a:cxn>
              <a:cxn ang="0">
                <a:pos x="connsiteX127" y="connsiteY127"/>
              </a:cxn>
              <a:cxn ang="0">
                <a:pos x="connsiteX128" y="connsiteY128"/>
              </a:cxn>
              <a:cxn ang="0">
                <a:pos x="connsiteX129" y="connsiteY129"/>
              </a:cxn>
              <a:cxn ang="0">
                <a:pos x="connsiteX130" y="connsiteY130"/>
              </a:cxn>
              <a:cxn ang="0">
                <a:pos x="connsiteX131" y="connsiteY131"/>
              </a:cxn>
              <a:cxn ang="0">
                <a:pos x="connsiteX132" y="connsiteY132"/>
              </a:cxn>
              <a:cxn ang="0">
                <a:pos x="connsiteX133" y="connsiteY133"/>
              </a:cxn>
              <a:cxn ang="0">
                <a:pos x="connsiteX134" y="connsiteY134"/>
              </a:cxn>
              <a:cxn ang="0">
                <a:pos x="connsiteX135" y="connsiteY135"/>
              </a:cxn>
              <a:cxn ang="0">
                <a:pos x="connsiteX136" y="connsiteY136"/>
              </a:cxn>
              <a:cxn ang="0">
                <a:pos x="connsiteX137" y="connsiteY137"/>
              </a:cxn>
              <a:cxn ang="0">
                <a:pos x="connsiteX138" y="connsiteY138"/>
              </a:cxn>
              <a:cxn ang="0">
                <a:pos x="connsiteX139" y="connsiteY139"/>
              </a:cxn>
              <a:cxn ang="0">
                <a:pos x="connsiteX140" y="connsiteY140"/>
              </a:cxn>
              <a:cxn ang="0">
                <a:pos x="connsiteX141" y="connsiteY141"/>
              </a:cxn>
              <a:cxn ang="0">
                <a:pos x="connsiteX142" y="connsiteY142"/>
              </a:cxn>
              <a:cxn ang="0">
                <a:pos x="connsiteX143" y="connsiteY143"/>
              </a:cxn>
              <a:cxn ang="0">
                <a:pos x="connsiteX144" y="connsiteY144"/>
              </a:cxn>
              <a:cxn ang="0">
                <a:pos x="connsiteX145" y="connsiteY145"/>
              </a:cxn>
              <a:cxn ang="0">
                <a:pos x="connsiteX146" y="connsiteY146"/>
              </a:cxn>
              <a:cxn ang="0">
                <a:pos x="connsiteX147" y="connsiteY147"/>
              </a:cxn>
              <a:cxn ang="0">
                <a:pos x="connsiteX148" y="connsiteY148"/>
              </a:cxn>
              <a:cxn ang="0">
                <a:pos x="connsiteX149" y="connsiteY149"/>
              </a:cxn>
              <a:cxn ang="0">
                <a:pos x="connsiteX150" y="connsiteY150"/>
              </a:cxn>
              <a:cxn ang="0">
                <a:pos x="connsiteX151" y="connsiteY151"/>
              </a:cxn>
              <a:cxn ang="0">
                <a:pos x="connsiteX152" y="connsiteY152"/>
              </a:cxn>
              <a:cxn ang="0">
                <a:pos x="connsiteX153" y="connsiteY153"/>
              </a:cxn>
              <a:cxn ang="0">
                <a:pos x="connsiteX154" y="connsiteY154"/>
              </a:cxn>
              <a:cxn ang="0">
                <a:pos x="connsiteX155" y="connsiteY155"/>
              </a:cxn>
              <a:cxn ang="0">
                <a:pos x="connsiteX156" y="connsiteY156"/>
              </a:cxn>
              <a:cxn ang="0">
                <a:pos x="connsiteX157" y="connsiteY157"/>
              </a:cxn>
              <a:cxn ang="0">
                <a:pos x="connsiteX158" y="connsiteY158"/>
              </a:cxn>
              <a:cxn ang="0">
                <a:pos x="connsiteX159" y="connsiteY159"/>
              </a:cxn>
              <a:cxn ang="0">
                <a:pos x="connsiteX160" y="connsiteY160"/>
              </a:cxn>
              <a:cxn ang="0">
                <a:pos x="connsiteX161" y="connsiteY161"/>
              </a:cxn>
              <a:cxn ang="0">
                <a:pos x="connsiteX162" y="connsiteY162"/>
              </a:cxn>
              <a:cxn ang="0">
                <a:pos x="connsiteX163" y="connsiteY163"/>
              </a:cxn>
              <a:cxn ang="0">
                <a:pos x="connsiteX164" y="connsiteY164"/>
              </a:cxn>
              <a:cxn ang="0">
                <a:pos x="connsiteX165" y="connsiteY165"/>
              </a:cxn>
              <a:cxn ang="0">
                <a:pos x="connsiteX166" y="connsiteY166"/>
              </a:cxn>
              <a:cxn ang="0">
                <a:pos x="connsiteX167" y="connsiteY167"/>
              </a:cxn>
              <a:cxn ang="0">
                <a:pos x="connsiteX168" y="connsiteY168"/>
              </a:cxn>
              <a:cxn ang="0">
                <a:pos x="connsiteX169" y="connsiteY169"/>
              </a:cxn>
              <a:cxn ang="0">
                <a:pos x="connsiteX170" y="connsiteY170"/>
              </a:cxn>
              <a:cxn ang="0">
                <a:pos x="connsiteX171" y="connsiteY171"/>
              </a:cxn>
              <a:cxn ang="0">
                <a:pos x="connsiteX172" y="connsiteY172"/>
              </a:cxn>
              <a:cxn ang="0">
                <a:pos x="connsiteX173" y="connsiteY173"/>
              </a:cxn>
              <a:cxn ang="0">
                <a:pos x="connsiteX174" y="connsiteY174"/>
              </a:cxn>
              <a:cxn ang="0">
                <a:pos x="connsiteX175" y="connsiteY175"/>
              </a:cxn>
              <a:cxn ang="0">
                <a:pos x="connsiteX176" y="connsiteY176"/>
              </a:cxn>
              <a:cxn ang="0">
                <a:pos x="connsiteX177" y="connsiteY177"/>
              </a:cxn>
              <a:cxn ang="0">
                <a:pos x="connsiteX178" y="connsiteY178"/>
              </a:cxn>
              <a:cxn ang="0">
                <a:pos x="connsiteX179" y="connsiteY179"/>
              </a:cxn>
              <a:cxn ang="0">
                <a:pos x="connsiteX180" y="connsiteY180"/>
              </a:cxn>
              <a:cxn ang="0">
                <a:pos x="connsiteX181" y="connsiteY181"/>
              </a:cxn>
              <a:cxn ang="0">
                <a:pos x="connsiteX182" y="connsiteY182"/>
              </a:cxn>
              <a:cxn ang="0">
                <a:pos x="connsiteX183" y="connsiteY183"/>
              </a:cxn>
              <a:cxn ang="0">
                <a:pos x="connsiteX184" y="connsiteY184"/>
              </a:cxn>
              <a:cxn ang="0">
                <a:pos x="connsiteX185" y="connsiteY185"/>
              </a:cxn>
              <a:cxn ang="0">
                <a:pos x="connsiteX186" y="connsiteY186"/>
              </a:cxn>
              <a:cxn ang="0">
                <a:pos x="connsiteX187" y="connsiteY187"/>
              </a:cxn>
              <a:cxn ang="0">
                <a:pos x="connsiteX188" y="connsiteY188"/>
              </a:cxn>
              <a:cxn ang="0">
                <a:pos x="connsiteX189" y="connsiteY189"/>
              </a:cxn>
              <a:cxn ang="0">
                <a:pos x="connsiteX190" y="connsiteY190"/>
              </a:cxn>
              <a:cxn ang="0">
                <a:pos x="connsiteX191" y="connsiteY191"/>
              </a:cxn>
              <a:cxn ang="0">
                <a:pos x="connsiteX192" y="connsiteY192"/>
              </a:cxn>
              <a:cxn ang="0">
                <a:pos x="connsiteX193" y="connsiteY193"/>
              </a:cxn>
              <a:cxn ang="0">
                <a:pos x="connsiteX194" y="connsiteY194"/>
              </a:cxn>
              <a:cxn ang="0">
                <a:pos x="connsiteX195" y="connsiteY195"/>
              </a:cxn>
              <a:cxn ang="0">
                <a:pos x="connsiteX196" y="connsiteY196"/>
              </a:cxn>
              <a:cxn ang="0">
                <a:pos x="connsiteX197" y="connsiteY197"/>
              </a:cxn>
              <a:cxn ang="0">
                <a:pos x="connsiteX198" y="connsiteY198"/>
              </a:cxn>
              <a:cxn ang="0">
                <a:pos x="connsiteX199" y="connsiteY199"/>
              </a:cxn>
              <a:cxn ang="0">
                <a:pos x="connsiteX200" y="connsiteY200"/>
              </a:cxn>
              <a:cxn ang="0">
                <a:pos x="connsiteX201" y="connsiteY201"/>
              </a:cxn>
              <a:cxn ang="0">
                <a:pos x="connsiteX202" y="connsiteY202"/>
              </a:cxn>
              <a:cxn ang="0">
                <a:pos x="connsiteX203" y="connsiteY203"/>
              </a:cxn>
              <a:cxn ang="0">
                <a:pos x="connsiteX204" y="connsiteY204"/>
              </a:cxn>
              <a:cxn ang="0">
                <a:pos x="connsiteX205" y="connsiteY205"/>
              </a:cxn>
              <a:cxn ang="0">
                <a:pos x="connsiteX206" y="connsiteY206"/>
              </a:cxn>
              <a:cxn ang="0">
                <a:pos x="connsiteX207" y="connsiteY207"/>
              </a:cxn>
              <a:cxn ang="0">
                <a:pos x="connsiteX208" y="connsiteY208"/>
              </a:cxn>
              <a:cxn ang="0">
                <a:pos x="connsiteX209" y="connsiteY209"/>
              </a:cxn>
              <a:cxn ang="0">
                <a:pos x="connsiteX210" y="connsiteY210"/>
              </a:cxn>
              <a:cxn ang="0">
                <a:pos x="connsiteX211" y="connsiteY211"/>
              </a:cxn>
              <a:cxn ang="0">
                <a:pos x="connsiteX212" y="connsiteY212"/>
              </a:cxn>
              <a:cxn ang="0">
                <a:pos x="connsiteX213" y="connsiteY213"/>
              </a:cxn>
              <a:cxn ang="0">
                <a:pos x="connsiteX214" y="connsiteY214"/>
              </a:cxn>
              <a:cxn ang="0">
                <a:pos x="connsiteX215" y="connsiteY215"/>
              </a:cxn>
              <a:cxn ang="0">
                <a:pos x="connsiteX216" y="connsiteY216"/>
              </a:cxn>
              <a:cxn ang="0">
                <a:pos x="connsiteX217" y="connsiteY217"/>
              </a:cxn>
              <a:cxn ang="0">
                <a:pos x="connsiteX218" y="connsiteY218"/>
              </a:cxn>
              <a:cxn ang="0">
                <a:pos x="connsiteX219" y="connsiteY219"/>
              </a:cxn>
              <a:cxn ang="0">
                <a:pos x="connsiteX220" y="connsiteY220"/>
              </a:cxn>
              <a:cxn ang="0">
                <a:pos x="connsiteX221" y="connsiteY221"/>
              </a:cxn>
              <a:cxn ang="0">
                <a:pos x="connsiteX222" y="connsiteY222"/>
              </a:cxn>
              <a:cxn ang="0">
                <a:pos x="connsiteX223" y="connsiteY223"/>
              </a:cxn>
              <a:cxn ang="0">
                <a:pos x="connsiteX224" y="connsiteY224"/>
              </a:cxn>
              <a:cxn ang="0">
                <a:pos x="connsiteX225" y="connsiteY225"/>
              </a:cxn>
              <a:cxn ang="0">
                <a:pos x="connsiteX226" y="connsiteY226"/>
              </a:cxn>
              <a:cxn ang="0">
                <a:pos x="connsiteX227" y="connsiteY227"/>
              </a:cxn>
              <a:cxn ang="0">
                <a:pos x="connsiteX228" y="connsiteY228"/>
              </a:cxn>
              <a:cxn ang="0">
                <a:pos x="connsiteX229" y="connsiteY229"/>
              </a:cxn>
              <a:cxn ang="0">
                <a:pos x="connsiteX230" y="connsiteY230"/>
              </a:cxn>
              <a:cxn ang="0">
                <a:pos x="connsiteX231" y="connsiteY231"/>
              </a:cxn>
              <a:cxn ang="0">
                <a:pos x="connsiteX232" y="connsiteY232"/>
              </a:cxn>
              <a:cxn ang="0">
                <a:pos x="connsiteX233" y="connsiteY233"/>
              </a:cxn>
              <a:cxn ang="0">
                <a:pos x="connsiteX234" y="connsiteY234"/>
              </a:cxn>
              <a:cxn ang="0">
                <a:pos x="connsiteX235" y="connsiteY235"/>
              </a:cxn>
              <a:cxn ang="0">
                <a:pos x="connsiteX236" y="connsiteY236"/>
              </a:cxn>
              <a:cxn ang="0">
                <a:pos x="connsiteX237" y="connsiteY237"/>
              </a:cxn>
              <a:cxn ang="0">
                <a:pos x="connsiteX238" y="connsiteY238"/>
              </a:cxn>
              <a:cxn ang="0">
                <a:pos x="connsiteX239" y="connsiteY239"/>
              </a:cxn>
              <a:cxn ang="0">
                <a:pos x="connsiteX240" y="connsiteY240"/>
              </a:cxn>
              <a:cxn ang="0">
                <a:pos x="connsiteX241" y="connsiteY241"/>
              </a:cxn>
              <a:cxn ang="0">
                <a:pos x="connsiteX242" y="connsiteY242"/>
              </a:cxn>
              <a:cxn ang="0">
                <a:pos x="connsiteX243" y="connsiteY243"/>
              </a:cxn>
              <a:cxn ang="0">
                <a:pos x="connsiteX244" y="connsiteY244"/>
              </a:cxn>
              <a:cxn ang="0">
                <a:pos x="connsiteX245" y="connsiteY245"/>
              </a:cxn>
              <a:cxn ang="0">
                <a:pos x="connsiteX246" y="connsiteY246"/>
              </a:cxn>
              <a:cxn ang="0">
                <a:pos x="connsiteX247" y="connsiteY247"/>
              </a:cxn>
              <a:cxn ang="0">
                <a:pos x="connsiteX248" y="connsiteY248"/>
              </a:cxn>
              <a:cxn ang="0">
                <a:pos x="connsiteX249" y="connsiteY249"/>
              </a:cxn>
              <a:cxn ang="0">
                <a:pos x="connsiteX250" y="connsiteY250"/>
              </a:cxn>
              <a:cxn ang="0">
                <a:pos x="connsiteX251" y="connsiteY251"/>
              </a:cxn>
              <a:cxn ang="0">
                <a:pos x="connsiteX252" y="connsiteY252"/>
              </a:cxn>
              <a:cxn ang="0">
                <a:pos x="connsiteX253" y="connsiteY253"/>
              </a:cxn>
              <a:cxn ang="0">
                <a:pos x="connsiteX254" y="connsiteY254"/>
              </a:cxn>
              <a:cxn ang="0">
                <a:pos x="connsiteX255" y="connsiteY255"/>
              </a:cxn>
              <a:cxn ang="0">
                <a:pos x="connsiteX256" y="connsiteY256"/>
              </a:cxn>
              <a:cxn ang="0">
                <a:pos x="connsiteX257" y="connsiteY257"/>
              </a:cxn>
              <a:cxn ang="0">
                <a:pos x="connsiteX258" y="connsiteY258"/>
              </a:cxn>
              <a:cxn ang="0">
                <a:pos x="connsiteX259" y="connsiteY259"/>
              </a:cxn>
              <a:cxn ang="0">
                <a:pos x="connsiteX260" y="connsiteY260"/>
              </a:cxn>
              <a:cxn ang="0">
                <a:pos x="connsiteX261" y="connsiteY261"/>
              </a:cxn>
              <a:cxn ang="0">
                <a:pos x="connsiteX262" y="connsiteY262"/>
              </a:cxn>
              <a:cxn ang="0">
                <a:pos x="connsiteX263" y="connsiteY263"/>
              </a:cxn>
              <a:cxn ang="0">
                <a:pos x="connsiteX264" y="connsiteY264"/>
              </a:cxn>
              <a:cxn ang="0">
                <a:pos x="connsiteX265" y="connsiteY265"/>
              </a:cxn>
              <a:cxn ang="0">
                <a:pos x="connsiteX266" y="connsiteY266"/>
              </a:cxn>
              <a:cxn ang="0">
                <a:pos x="connsiteX267" y="connsiteY267"/>
              </a:cxn>
              <a:cxn ang="0">
                <a:pos x="connsiteX268" y="connsiteY268"/>
              </a:cxn>
              <a:cxn ang="0">
                <a:pos x="connsiteX269" y="connsiteY269"/>
              </a:cxn>
              <a:cxn ang="0">
                <a:pos x="connsiteX270" y="connsiteY270"/>
              </a:cxn>
              <a:cxn ang="0">
                <a:pos x="connsiteX271" y="connsiteY271"/>
              </a:cxn>
              <a:cxn ang="0">
                <a:pos x="connsiteX272" y="connsiteY272"/>
              </a:cxn>
              <a:cxn ang="0">
                <a:pos x="connsiteX273" y="connsiteY273"/>
              </a:cxn>
              <a:cxn ang="0">
                <a:pos x="connsiteX274" y="connsiteY274"/>
              </a:cxn>
              <a:cxn ang="0">
                <a:pos x="connsiteX275" y="connsiteY275"/>
              </a:cxn>
              <a:cxn ang="0">
                <a:pos x="connsiteX276" y="connsiteY276"/>
              </a:cxn>
              <a:cxn ang="0">
                <a:pos x="connsiteX277" y="connsiteY277"/>
              </a:cxn>
              <a:cxn ang="0">
                <a:pos x="connsiteX278" y="connsiteY278"/>
              </a:cxn>
              <a:cxn ang="0">
                <a:pos x="connsiteX279" y="connsiteY279"/>
              </a:cxn>
              <a:cxn ang="0">
                <a:pos x="connsiteX280" y="connsiteY280"/>
              </a:cxn>
              <a:cxn ang="0">
                <a:pos x="connsiteX281" y="connsiteY281"/>
              </a:cxn>
              <a:cxn ang="0">
                <a:pos x="connsiteX282" y="connsiteY282"/>
              </a:cxn>
              <a:cxn ang="0">
                <a:pos x="connsiteX283" y="connsiteY283"/>
              </a:cxn>
              <a:cxn ang="0">
                <a:pos x="connsiteX284" y="connsiteY284"/>
              </a:cxn>
              <a:cxn ang="0">
                <a:pos x="connsiteX285" y="connsiteY285"/>
              </a:cxn>
              <a:cxn ang="0">
                <a:pos x="connsiteX286" y="connsiteY286"/>
              </a:cxn>
              <a:cxn ang="0">
                <a:pos x="connsiteX287" y="connsiteY287"/>
              </a:cxn>
              <a:cxn ang="0">
                <a:pos x="connsiteX288" y="connsiteY288"/>
              </a:cxn>
              <a:cxn ang="0">
                <a:pos x="connsiteX289" y="connsiteY289"/>
              </a:cxn>
              <a:cxn ang="0">
                <a:pos x="connsiteX290" y="connsiteY290"/>
              </a:cxn>
              <a:cxn ang="0">
                <a:pos x="connsiteX291" y="connsiteY291"/>
              </a:cxn>
              <a:cxn ang="0">
                <a:pos x="connsiteX292" y="connsiteY292"/>
              </a:cxn>
              <a:cxn ang="0">
                <a:pos x="connsiteX293" y="connsiteY293"/>
              </a:cxn>
              <a:cxn ang="0">
                <a:pos x="connsiteX294" y="connsiteY294"/>
              </a:cxn>
              <a:cxn ang="0">
                <a:pos x="connsiteX295" y="connsiteY295"/>
              </a:cxn>
              <a:cxn ang="0">
                <a:pos x="connsiteX296" y="connsiteY296"/>
              </a:cxn>
              <a:cxn ang="0">
                <a:pos x="connsiteX297" y="connsiteY297"/>
              </a:cxn>
              <a:cxn ang="0">
                <a:pos x="connsiteX298" y="connsiteY298"/>
              </a:cxn>
              <a:cxn ang="0">
                <a:pos x="connsiteX299" y="connsiteY299"/>
              </a:cxn>
              <a:cxn ang="0">
                <a:pos x="connsiteX300" y="connsiteY300"/>
              </a:cxn>
              <a:cxn ang="0">
                <a:pos x="connsiteX301" y="connsiteY301"/>
              </a:cxn>
              <a:cxn ang="0">
                <a:pos x="connsiteX302" y="connsiteY302"/>
              </a:cxn>
              <a:cxn ang="0">
                <a:pos x="connsiteX303" y="connsiteY303"/>
              </a:cxn>
              <a:cxn ang="0">
                <a:pos x="connsiteX304" y="connsiteY304"/>
              </a:cxn>
              <a:cxn ang="0">
                <a:pos x="connsiteX305" y="connsiteY305"/>
              </a:cxn>
              <a:cxn ang="0">
                <a:pos x="connsiteX306" y="connsiteY306"/>
              </a:cxn>
              <a:cxn ang="0">
                <a:pos x="connsiteX307" y="connsiteY307"/>
              </a:cxn>
              <a:cxn ang="0">
                <a:pos x="connsiteX308" y="connsiteY308"/>
              </a:cxn>
              <a:cxn ang="0">
                <a:pos x="connsiteX309" y="connsiteY309"/>
              </a:cxn>
              <a:cxn ang="0">
                <a:pos x="connsiteX310" y="connsiteY310"/>
              </a:cxn>
              <a:cxn ang="0">
                <a:pos x="connsiteX311" y="connsiteY311"/>
              </a:cxn>
              <a:cxn ang="0">
                <a:pos x="connsiteX312" y="connsiteY312"/>
              </a:cxn>
              <a:cxn ang="0">
                <a:pos x="connsiteX313" y="connsiteY313"/>
              </a:cxn>
              <a:cxn ang="0">
                <a:pos x="connsiteX314" y="connsiteY314"/>
              </a:cxn>
              <a:cxn ang="0">
                <a:pos x="connsiteX315" y="connsiteY315"/>
              </a:cxn>
              <a:cxn ang="0">
                <a:pos x="connsiteX316" y="connsiteY316"/>
              </a:cxn>
              <a:cxn ang="0">
                <a:pos x="connsiteX317" y="connsiteY317"/>
              </a:cxn>
              <a:cxn ang="0">
                <a:pos x="connsiteX318" y="connsiteY318"/>
              </a:cxn>
              <a:cxn ang="0">
                <a:pos x="connsiteX319" y="connsiteY319"/>
              </a:cxn>
              <a:cxn ang="0">
                <a:pos x="connsiteX320" y="connsiteY320"/>
              </a:cxn>
              <a:cxn ang="0">
                <a:pos x="connsiteX321" y="connsiteY321"/>
              </a:cxn>
              <a:cxn ang="0">
                <a:pos x="connsiteX322" y="connsiteY322"/>
              </a:cxn>
              <a:cxn ang="0">
                <a:pos x="connsiteX323" y="connsiteY323"/>
              </a:cxn>
              <a:cxn ang="0">
                <a:pos x="connsiteX324" y="connsiteY324"/>
              </a:cxn>
              <a:cxn ang="0">
                <a:pos x="connsiteX325" y="connsiteY325"/>
              </a:cxn>
              <a:cxn ang="0">
                <a:pos x="connsiteX326" y="connsiteY326"/>
              </a:cxn>
              <a:cxn ang="0">
                <a:pos x="connsiteX327" y="connsiteY327"/>
              </a:cxn>
              <a:cxn ang="0">
                <a:pos x="connsiteX328" y="connsiteY328"/>
              </a:cxn>
              <a:cxn ang="0">
                <a:pos x="connsiteX329" y="connsiteY329"/>
              </a:cxn>
              <a:cxn ang="0">
                <a:pos x="connsiteX330" y="connsiteY330"/>
              </a:cxn>
              <a:cxn ang="0">
                <a:pos x="connsiteX331" y="connsiteY331"/>
              </a:cxn>
              <a:cxn ang="0">
                <a:pos x="connsiteX332" y="connsiteY332"/>
              </a:cxn>
              <a:cxn ang="0">
                <a:pos x="connsiteX333" y="connsiteY333"/>
              </a:cxn>
              <a:cxn ang="0">
                <a:pos x="connsiteX334" y="connsiteY334"/>
              </a:cxn>
              <a:cxn ang="0">
                <a:pos x="connsiteX335" y="connsiteY335"/>
              </a:cxn>
              <a:cxn ang="0">
                <a:pos x="connsiteX336" y="connsiteY336"/>
              </a:cxn>
              <a:cxn ang="0">
                <a:pos x="connsiteX337" y="connsiteY337"/>
              </a:cxn>
              <a:cxn ang="0">
                <a:pos x="connsiteX338" y="connsiteY338"/>
              </a:cxn>
              <a:cxn ang="0">
                <a:pos x="connsiteX339" y="connsiteY339"/>
              </a:cxn>
              <a:cxn ang="0">
                <a:pos x="connsiteX340" y="connsiteY340"/>
              </a:cxn>
              <a:cxn ang="0">
                <a:pos x="connsiteX341" y="connsiteY341"/>
              </a:cxn>
              <a:cxn ang="0">
                <a:pos x="connsiteX342" y="connsiteY342"/>
              </a:cxn>
              <a:cxn ang="0">
                <a:pos x="connsiteX343" y="connsiteY343"/>
              </a:cxn>
              <a:cxn ang="0">
                <a:pos x="connsiteX344" y="connsiteY344"/>
              </a:cxn>
              <a:cxn ang="0">
                <a:pos x="connsiteX345" y="connsiteY345"/>
              </a:cxn>
              <a:cxn ang="0">
                <a:pos x="connsiteX346" y="connsiteY346"/>
              </a:cxn>
              <a:cxn ang="0">
                <a:pos x="connsiteX347" y="connsiteY347"/>
              </a:cxn>
              <a:cxn ang="0">
                <a:pos x="connsiteX348" y="connsiteY348"/>
              </a:cxn>
              <a:cxn ang="0">
                <a:pos x="connsiteX349" y="connsiteY349"/>
              </a:cxn>
              <a:cxn ang="0">
                <a:pos x="connsiteX350" y="connsiteY350"/>
              </a:cxn>
              <a:cxn ang="0">
                <a:pos x="connsiteX351" y="connsiteY351"/>
              </a:cxn>
              <a:cxn ang="0">
                <a:pos x="connsiteX352" y="connsiteY352"/>
              </a:cxn>
              <a:cxn ang="0">
                <a:pos x="connsiteX353" y="connsiteY353"/>
              </a:cxn>
              <a:cxn ang="0">
                <a:pos x="connsiteX354" y="connsiteY354"/>
              </a:cxn>
              <a:cxn ang="0">
                <a:pos x="connsiteX355" y="connsiteY355"/>
              </a:cxn>
              <a:cxn ang="0">
                <a:pos x="connsiteX356" y="connsiteY356"/>
              </a:cxn>
              <a:cxn ang="0">
                <a:pos x="connsiteX357" y="connsiteY357"/>
              </a:cxn>
              <a:cxn ang="0">
                <a:pos x="connsiteX358" y="connsiteY358"/>
              </a:cxn>
              <a:cxn ang="0">
                <a:pos x="connsiteX359" y="connsiteY359"/>
              </a:cxn>
              <a:cxn ang="0">
                <a:pos x="connsiteX360" y="connsiteY360"/>
              </a:cxn>
              <a:cxn ang="0">
                <a:pos x="connsiteX361" y="connsiteY361"/>
              </a:cxn>
              <a:cxn ang="0">
                <a:pos x="connsiteX362" y="connsiteY362"/>
              </a:cxn>
              <a:cxn ang="0">
                <a:pos x="connsiteX363" y="connsiteY363"/>
              </a:cxn>
              <a:cxn ang="0">
                <a:pos x="connsiteX364" y="connsiteY364"/>
              </a:cxn>
              <a:cxn ang="0">
                <a:pos x="connsiteX365" y="connsiteY365"/>
              </a:cxn>
              <a:cxn ang="0">
                <a:pos x="connsiteX366" y="connsiteY366"/>
              </a:cxn>
              <a:cxn ang="0">
                <a:pos x="connsiteX367" y="connsiteY367"/>
              </a:cxn>
              <a:cxn ang="0">
                <a:pos x="connsiteX368" y="connsiteY368"/>
              </a:cxn>
              <a:cxn ang="0">
                <a:pos x="connsiteX369" y="connsiteY369"/>
              </a:cxn>
              <a:cxn ang="0">
                <a:pos x="connsiteX370" y="connsiteY370"/>
              </a:cxn>
              <a:cxn ang="0">
                <a:pos x="connsiteX371" y="connsiteY371"/>
              </a:cxn>
              <a:cxn ang="0">
                <a:pos x="connsiteX372" y="connsiteY372"/>
              </a:cxn>
              <a:cxn ang="0">
                <a:pos x="connsiteX373" y="connsiteY373"/>
              </a:cxn>
              <a:cxn ang="0">
                <a:pos x="connsiteX374" y="connsiteY374"/>
              </a:cxn>
              <a:cxn ang="0">
                <a:pos x="connsiteX375" y="connsiteY375"/>
              </a:cxn>
              <a:cxn ang="0">
                <a:pos x="connsiteX376" y="connsiteY376"/>
              </a:cxn>
              <a:cxn ang="0">
                <a:pos x="connsiteX377" y="connsiteY377"/>
              </a:cxn>
              <a:cxn ang="0">
                <a:pos x="connsiteX378" y="connsiteY378"/>
              </a:cxn>
              <a:cxn ang="0">
                <a:pos x="connsiteX379" y="connsiteY379"/>
              </a:cxn>
              <a:cxn ang="0">
                <a:pos x="connsiteX380" y="connsiteY380"/>
              </a:cxn>
              <a:cxn ang="0">
                <a:pos x="connsiteX381" y="connsiteY381"/>
              </a:cxn>
              <a:cxn ang="0">
                <a:pos x="connsiteX382" y="connsiteY382"/>
              </a:cxn>
              <a:cxn ang="0">
                <a:pos x="connsiteX383" y="connsiteY383"/>
              </a:cxn>
              <a:cxn ang="0">
                <a:pos x="connsiteX384" y="connsiteY384"/>
              </a:cxn>
              <a:cxn ang="0">
                <a:pos x="connsiteX385" y="connsiteY385"/>
              </a:cxn>
              <a:cxn ang="0">
                <a:pos x="connsiteX386" y="connsiteY386"/>
              </a:cxn>
              <a:cxn ang="0">
                <a:pos x="connsiteX387" y="connsiteY387"/>
              </a:cxn>
              <a:cxn ang="0">
                <a:pos x="connsiteX388" y="connsiteY388"/>
              </a:cxn>
              <a:cxn ang="0">
                <a:pos x="connsiteX389" y="connsiteY389"/>
              </a:cxn>
              <a:cxn ang="0">
                <a:pos x="connsiteX390" y="connsiteY390"/>
              </a:cxn>
              <a:cxn ang="0">
                <a:pos x="connsiteX391" y="connsiteY391"/>
              </a:cxn>
              <a:cxn ang="0">
                <a:pos x="connsiteX392" y="connsiteY392"/>
              </a:cxn>
              <a:cxn ang="0">
                <a:pos x="connsiteX393" y="connsiteY393"/>
              </a:cxn>
              <a:cxn ang="0">
                <a:pos x="connsiteX394" y="connsiteY394"/>
              </a:cxn>
              <a:cxn ang="0">
                <a:pos x="connsiteX395" y="connsiteY395"/>
              </a:cxn>
              <a:cxn ang="0">
                <a:pos x="connsiteX396" y="connsiteY396"/>
              </a:cxn>
              <a:cxn ang="0">
                <a:pos x="connsiteX397" y="connsiteY397"/>
              </a:cxn>
              <a:cxn ang="0">
                <a:pos x="connsiteX398" y="connsiteY398"/>
              </a:cxn>
              <a:cxn ang="0">
                <a:pos x="connsiteX399" y="connsiteY399"/>
              </a:cxn>
              <a:cxn ang="0">
                <a:pos x="connsiteX400" y="connsiteY400"/>
              </a:cxn>
              <a:cxn ang="0">
                <a:pos x="connsiteX401" y="connsiteY401"/>
              </a:cxn>
              <a:cxn ang="0">
                <a:pos x="connsiteX402" y="connsiteY402"/>
              </a:cxn>
              <a:cxn ang="0">
                <a:pos x="connsiteX403" y="connsiteY403"/>
              </a:cxn>
              <a:cxn ang="0">
                <a:pos x="connsiteX404" y="connsiteY404"/>
              </a:cxn>
              <a:cxn ang="0">
                <a:pos x="connsiteX405" y="connsiteY405"/>
              </a:cxn>
              <a:cxn ang="0">
                <a:pos x="connsiteX406" y="connsiteY406"/>
              </a:cxn>
              <a:cxn ang="0">
                <a:pos x="connsiteX407" y="connsiteY407"/>
              </a:cxn>
              <a:cxn ang="0">
                <a:pos x="connsiteX408" y="connsiteY408"/>
              </a:cxn>
              <a:cxn ang="0">
                <a:pos x="connsiteX409" y="connsiteY409"/>
              </a:cxn>
              <a:cxn ang="0">
                <a:pos x="connsiteX410" y="connsiteY410"/>
              </a:cxn>
              <a:cxn ang="0">
                <a:pos x="connsiteX411" y="connsiteY411"/>
              </a:cxn>
              <a:cxn ang="0">
                <a:pos x="connsiteX412" y="connsiteY412"/>
              </a:cxn>
              <a:cxn ang="0">
                <a:pos x="connsiteX413" y="connsiteY413"/>
              </a:cxn>
              <a:cxn ang="0">
                <a:pos x="connsiteX414" y="connsiteY414"/>
              </a:cxn>
              <a:cxn ang="0">
                <a:pos x="connsiteX415" y="connsiteY415"/>
              </a:cxn>
              <a:cxn ang="0">
                <a:pos x="connsiteX416" y="connsiteY416"/>
              </a:cxn>
              <a:cxn ang="0">
                <a:pos x="connsiteX417" y="connsiteY417"/>
              </a:cxn>
              <a:cxn ang="0">
                <a:pos x="connsiteX418" y="connsiteY418"/>
              </a:cxn>
              <a:cxn ang="0">
                <a:pos x="connsiteX419" y="connsiteY419"/>
              </a:cxn>
              <a:cxn ang="0">
                <a:pos x="connsiteX420" y="connsiteY420"/>
              </a:cxn>
              <a:cxn ang="0">
                <a:pos x="connsiteX421" y="connsiteY421"/>
              </a:cxn>
              <a:cxn ang="0">
                <a:pos x="connsiteX422" y="connsiteY422"/>
              </a:cxn>
              <a:cxn ang="0">
                <a:pos x="connsiteX423" y="connsiteY423"/>
              </a:cxn>
              <a:cxn ang="0">
                <a:pos x="connsiteX424" y="connsiteY424"/>
              </a:cxn>
              <a:cxn ang="0">
                <a:pos x="connsiteX425" y="connsiteY425"/>
              </a:cxn>
              <a:cxn ang="0">
                <a:pos x="connsiteX426" y="connsiteY426"/>
              </a:cxn>
              <a:cxn ang="0">
                <a:pos x="connsiteX427" y="connsiteY427"/>
              </a:cxn>
              <a:cxn ang="0">
                <a:pos x="connsiteX428" y="connsiteY428"/>
              </a:cxn>
              <a:cxn ang="0">
                <a:pos x="connsiteX429" y="connsiteY429"/>
              </a:cxn>
              <a:cxn ang="0">
                <a:pos x="connsiteX430" y="connsiteY430"/>
              </a:cxn>
              <a:cxn ang="0">
                <a:pos x="connsiteX431" y="connsiteY431"/>
              </a:cxn>
              <a:cxn ang="0">
                <a:pos x="connsiteX432" y="connsiteY432"/>
              </a:cxn>
              <a:cxn ang="0">
                <a:pos x="connsiteX433" y="connsiteY433"/>
              </a:cxn>
              <a:cxn ang="0">
                <a:pos x="connsiteX434" y="connsiteY434"/>
              </a:cxn>
              <a:cxn ang="0">
                <a:pos x="connsiteX435" y="connsiteY435"/>
              </a:cxn>
              <a:cxn ang="0">
                <a:pos x="connsiteX436" y="connsiteY436"/>
              </a:cxn>
              <a:cxn ang="0">
                <a:pos x="connsiteX437" y="connsiteY437"/>
              </a:cxn>
              <a:cxn ang="0">
                <a:pos x="connsiteX438" y="connsiteY438"/>
              </a:cxn>
              <a:cxn ang="0">
                <a:pos x="connsiteX439" y="connsiteY439"/>
              </a:cxn>
              <a:cxn ang="0">
                <a:pos x="connsiteX440" y="connsiteY440"/>
              </a:cxn>
              <a:cxn ang="0">
                <a:pos x="connsiteX441" y="connsiteY441"/>
              </a:cxn>
              <a:cxn ang="0">
                <a:pos x="connsiteX442" y="connsiteY442"/>
              </a:cxn>
              <a:cxn ang="0">
                <a:pos x="connsiteX443" y="connsiteY443"/>
              </a:cxn>
              <a:cxn ang="0">
                <a:pos x="connsiteX444" y="connsiteY444"/>
              </a:cxn>
              <a:cxn ang="0">
                <a:pos x="connsiteX445" y="connsiteY445"/>
              </a:cxn>
              <a:cxn ang="0">
                <a:pos x="connsiteX446" y="connsiteY446"/>
              </a:cxn>
              <a:cxn ang="0">
                <a:pos x="connsiteX447" y="connsiteY447"/>
              </a:cxn>
              <a:cxn ang="0">
                <a:pos x="connsiteX448" y="connsiteY448"/>
              </a:cxn>
              <a:cxn ang="0">
                <a:pos x="connsiteX449" y="connsiteY449"/>
              </a:cxn>
              <a:cxn ang="0">
                <a:pos x="connsiteX450" y="connsiteY450"/>
              </a:cxn>
              <a:cxn ang="0">
                <a:pos x="connsiteX451" y="connsiteY451"/>
              </a:cxn>
              <a:cxn ang="0">
                <a:pos x="connsiteX452" y="connsiteY452"/>
              </a:cxn>
              <a:cxn ang="0">
                <a:pos x="connsiteX453" y="connsiteY453"/>
              </a:cxn>
              <a:cxn ang="0">
                <a:pos x="connsiteX454" y="connsiteY454"/>
              </a:cxn>
              <a:cxn ang="0">
                <a:pos x="connsiteX455" y="connsiteY455"/>
              </a:cxn>
              <a:cxn ang="0">
                <a:pos x="connsiteX456" y="connsiteY456"/>
              </a:cxn>
              <a:cxn ang="0">
                <a:pos x="connsiteX457" y="connsiteY457"/>
              </a:cxn>
              <a:cxn ang="0">
                <a:pos x="connsiteX458" y="connsiteY458"/>
              </a:cxn>
              <a:cxn ang="0">
                <a:pos x="connsiteX459" y="connsiteY459"/>
              </a:cxn>
              <a:cxn ang="0">
                <a:pos x="connsiteX460" y="connsiteY460"/>
              </a:cxn>
              <a:cxn ang="0">
                <a:pos x="connsiteX461" y="connsiteY461"/>
              </a:cxn>
              <a:cxn ang="0">
                <a:pos x="connsiteX462" y="connsiteY462"/>
              </a:cxn>
              <a:cxn ang="0">
                <a:pos x="connsiteX463" y="connsiteY463"/>
              </a:cxn>
              <a:cxn ang="0">
                <a:pos x="connsiteX464" y="connsiteY464"/>
              </a:cxn>
              <a:cxn ang="0">
                <a:pos x="connsiteX465" y="connsiteY465"/>
              </a:cxn>
              <a:cxn ang="0">
                <a:pos x="connsiteX466" y="connsiteY466"/>
              </a:cxn>
              <a:cxn ang="0">
                <a:pos x="connsiteX467" y="connsiteY467"/>
              </a:cxn>
              <a:cxn ang="0">
                <a:pos x="connsiteX468" y="connsiteY468"/>
              </a:cxn>
              <a:cxn ang="0">
                <a:pos x="connsiteX469" y="connsiteY469"/>
              </a:cxn>
              <a:cxn ang="0">
                <a:pos x="connsiteX470" y="connsiteY470"/>
              </a:cxn>
              <a:cxn ang="0">
                <a:pos x="connsiteX471" y="connsiteY471"/>
              </a:cxn>
              <a:cxn ang="0">
                <a:pos x="connsiteX472" y="connsiteY472"/>
              </a:cxn>
              <a:cxn ang="0">
                <a:pos x="connsiteX473" y="connsiteY473"/>
              </a:cxn>
              <a:cxn ang="0">
                <a:pos x="connsiteX474" y="connsiteY474"/>
              </a:cxn>
              <a:cxn ang="0">
                <a:pos x="connsiteX475" y="connsiteY475"/>
              </a:cxn>
              <a:cxn ang="0">
                <a:pos x="connsiteX476" y="connsiteY476"/>
              </a:cxn>
              <a:cxn ang="0">
                <a:pos x="connsiteX477" y="connsiteY477"/>
              </a:cxn>
              <a:cxn ang="0">
                <a:pos x="connsiteX478" y="connsiteY478"/>
              </a:cxn>
              <a:cxn ang="0">
                <a:pos x="connsiteX479" y="connsiteY479"/>
              </a:cxn>
              <a:cxn ang="0">
                <a:pos x="connsiteX480" y="connsiteY480"/>
              </a:cxn>
              <a:cxn ang="0">
                <a:pos x="connsiteX481" y="connsiteY481"/>
              </a:cxn>
              <a:cxn ang="0">
                <a:pos x="connsiteX482" y="connsiteY482"/>
              </a:cxn>
              <a:cxn ang="0">
                <a:pos x="connsiteX483" y="connsiteY483"/>
              </a:cxn>
              <a:cxn ang="0">
                <a:pos x="connsiteX484" y="connsiteY484"/>
              </a:cxn>
              <a:cxn ang="0">
                <a:pos x="connsiteX485" y="connsiteY485"/>
              </a:cxn>
              <a:cxn ang="0">
                <a:pos x="connsiteX486" y="connsiteY486"/>
              </a:cxn>
              <a:cxn ang="0">
                <a:pos x="connsiteX487" y="connsiteY487"/>
              </a:cxn>
              <a:cxn ang="0">
                <a:pos x="connsiteX488" y="connsiteY488"/>
              </a:cxn>
              <a:cxn ang="0">
                <a:pos x="connsiteX489" y="connsiteY489"/>
              </a:cxn>
              <a:cxn ang="0">
                <a:pos x="connsiteX490" y="connsiteY490"/>
              </a:cxn>
              <a:cxn ang="0">
                <a:pos x="connsiteX491" y="connsiteY491"/>
              </a:cxn>
              <a:cxn ang="0">
                <a:pos x="connsiteX492" y="connsiteY492"/>
              </a:cxn>
              <a:cxn ang="0">
                <a:pos x="connsiteX493" y="connsiteY493"/>
              </a:cxn>
              <a:cxn ang="0">
                <a:pos x="connsiteX494" y="connsiteY494"/>
              </a:cxn>
              <a:cxn ang="0">
                <a:pos x="connsiteX495" y="connsiteY495"/>
              </a:cxn>
              <a:cxn ang="0">
                <a:pos x="connsiteX496" y="connsiteY496"/>
              </a:cxn>
              <a:cxn ang="0">
                <a:pos x="connsiteX497" y="connsiteY497"/>
              </a:cxn>
              <a:cxn ang="0">
                <a:pos x="connsiteX498" y="connsiteY498"/>
              </a:cxn>
              <a:cxn ang="0">
                <a:pos x="connsiteX499" y="connsiteY499"/>
              </a:cxn>
              <a:cxn ang="0">
                <a:pos x="connsiteX500" y="connsiteY500"/>
              </a:cxn>
              <a:cxn ang="0">
                <a:pos x="connsiteX501" y="connsiteY501"/>
              </a:cxn>
              <a:cxn ang="0">
                <a:pos x="connsiteX502" y="connsiteY502"/>
              </a:cxn>
              <a:cxn ang="0">
                <a:pos x="connsiteX503" y="connsiteY503"/>
              </a:cxn>
              <a:cxn ang="0">
                <a:pos x="connsiteX504" y="connsiteY504"/>
              </a:cxn>
              <a:cxn ang="0">
                <a:pos x="connsiteX505" y="connsiteY505"/>
              </a:cxn>
              <a:cxn ang="0">
                <a:pos x="connsiteX506" y="connsiteY506"/>
              </a:cxn>
              <a:cxn ang="0">
                <a:pos x="connsiteX507" y="connsiteY507"/>
              </a:cxn>
              <a:cxn ang="0">
                <a:pos x="connsiteX508" y="connsiteY508"/>
              </a:cxn>
              <a:cxn ang="0">
                <a:pos x="connsiteX509" y="connsiteY509"/>
              </a:cxn>
              <a:cxn ang="0">
                <a:pos x="connsiteX510" y="connsiteY510"/>
              </a:cxn>
              <a:cxn ang="0">
                <a:pos x="connsiteX511" y="connsiteY511"/>
              </a:cxn>
              <a:cxn ang="0">
                <a:pos x="connsiteX512" y="connsiteY512"/>
              </a:cxn>
              <a:cxn ang="0">
                <a:pos x="connsiteX513" y="connsiteY513"/>
              </a:cxn>
              <a:cxn ang="0">
                <a:pos x="connsiteX514" y="connsiteY514"/>
              </a:cxn>
              <a:cxn ang="0">
                <a:pos x="connsiteX515" y="connsiteY515"/>
              </a:cxn>
              <a:cxn ang="0">
                <a:pos x="connsiteX516" y="connsiteY516"/>
              </a:cxn>
              <a:cxn ang="0">
                <a:pos x="connsiteX517" y="connsiteY517"/>
              </a:cxn>
              <a:cxn ang="0">
                <a:pos x="connsiteX518" y="connsiteY518"/>
              </a:cxn>
              <a:cxn ang="0">
                <a:pos x="connsiteX519" y="connsiteY519"/>
              </a:cxn>
              <a:cxn ang="0">
                <a:pos x="connsiteX520" y="connsiteY520"/>
              </a:cxn>
              <a:cxn ang="0">
                <a:pos x="connsiteX521" y="connsiteY521"/>
              </a:cxn>
              <a:cxn ang="0">
                <a:pos x="connsiteX522" y="connsiteY522"/>
              </a:cxn>
              <a:cxn ang="0">
                <a:pos x="connsiteX523" y="connsiteY523"/>
              </a:cxn>
              <a:cxn ang="0">
                <a:pos x="connsiteX524" y="connsiteY524"/>
              </a:cxn>
              <a:cxn ang="0">
                <a:pos x="connsiteX525" y="connsiteY525"/>
              </a:cxn>
              <a:cxn ang="0">
                <a:pos x="connsiteX526" y="connsiteY526"/>
              </a:cxn>
              <a:cxn ang="0">
                <a:pos x="connsiteX527" y="connsiteY527"/>
              </a:cxn>
              <a:cxn ang="0">
                <a:pos x="connsiteX528" y="connsiteY528"/>
              </a:cxn>
              <a:cxn ang="0">
                <a:pos x="connsiteX529" y="connsiteY529"/>
              </a:cxn>
              <a:cxn ang="0">
                <a:pos x="connsiteX530" y="connsiteY530"/>
              </a:cxn>
              <a:cxn ang="0">
                <a:pos x="connsiteX531" y="connsiteY531"/>
              </a:cxn>
              <a:cxn ang="0">
                <a:pos x="connsiteX532" y="connsiteY532"/>
              </a:cxn>
              <a:cxn ang="0">
                <a:pos x="connsiteX533" y="connsiteY533"/>
              </a:cxn>
              <a:cxn ang="0">
                <a:pos x="connsiteX534" y="connsiteY534"/>
              </a:cxn>
              <a:cxn ang="0">
                <a:pos x="connsiteX535" y="connsiteY535"/>
              </a:cxn>
              <a:cxn ang="0">
                <a:pos x="connsiteX536" y="connsiteY536"/>
              </a:cxn>
              <a:cxn ang="0">
                <a:pos x="connsiteX537" y="connsiteY537"/>
              </a:cxn>
              <a:cxn ang="0">
                <a:pos x="connsiteX538" y="connsiteY538"/>
              </a:cxn>
              <a:cxn ang="0">
                <a:pos x="connsiteX539" y="connsiteY539"/>
              </a:cxn>
              <a:cxn ang="0">
                <a:pos x="connsiteX540" y="connsiteY540"/>
              </a:cxn>
              <a:cxn ang="0">
                <a:pos x="connsiteX541" y="connsiteY541"/>
              </a:cxn>
              <a:cxn ang="0">
                <a:pos x="connsiteX542" y="connsiteY542"/>
              </a:cxn>
              <a:cxn ang="0">
                <a:pos x="connsiteX543" y="connsiteY543"/>
              </a:cxn>
              <a:cxn ang="0">
                <a:pos x="connsiteX544" y="connsiteY544"/>
              </a:cxn>
              <a:cxn ang="0">
                <a:pos x="connsiteX545" y="connsiteY545"/>
              </a:cxn>
              <a:cxn ang="0">
                <a:pos x="connsiteX546" y="connsiteY546"/>
              </a:cxn>
              <a:cxn ang="0">
                <a:pos x="connsiteX547" y="connsiteY547"/>
              </a:cxn>
              <a:cxn ang="0">
                <a:pos x="connsiteX548" y="connsiteY548"/>
              </a:cxn>
              <a:cxn ang="0">
                <a:pos x="connsiteX549" y="connsiteY549"/>
              </a:cxn>
              <a:cxn ang="0">
                <a:pos x="connsiteX550" y="connsiteY550"/>
              </a:cxn>
              <a:cxn ang="0">
                <a:pos x="connsiteX551" y="connsiteY551"/>
              </a:cxn>
              <a:cxn ang="0">
                <a:pos x="connsiteX552" y="connsiteY552"/>
              </a:cxn>
              <a:cxn ang="0">
                <a:pos x="connsiteX553" y="connsiteY553"/>
              </a:cxn>
              <a:cxn ang="0">
                <a:pos x="connsiteX554" y="connsiteY554"/>
              </a:cxn>
              <a:cxn ang="0">
                <a:pos x="connsiteX555" y="connsiteY555"/>
              </a:cxn>
              <a:cxn ang="0">
                <a:pos x="connsiteX556" y="connsiteY556"/>
              </a:cxn>
              <a:cxn ang="0">
                <a:pos x="connsiteX557" y="connsiteY557"/>
              </a:cxn>
              <a:cxn ang="0">
                <a:pos x="connsiteX558" y="connsiteY558"/>
              </a:cxn>
              <a:cxn ang="0">
                <a:pos x="connsiteX559" y="connsiteY559"/>
              </a:cxn>
              <a:cxn ang="0">
                <a:pos x="connsiteX560" y="connsiteY560"/>
              </a:cxn>
              <a:cxn ang="0">
                <a:pos x="connsiteX561" y="connsiteY561"/>
              </a:cxn>
              <a:cxn ang="0">
                <a:pos x="connsiteX562" y="connsiteY562"/>
              </a:cxn>
              <a:cxn ang="0">
                <a:pos x="connsiteX563" y="connsiteY563"/>
              </a:cxn>
              <a:cxn ang="0">
                <a:pos x="connsiteX564" y="connsiteY564"/>
              </a:cxn>
              <a:cxn ang="0">
                <a:pos x="connsiteX565" y="connsiteY565"/>
              </a:cxn>
              <a:cxn ang="0">
                <a:pos x="connsiteX566" y="connsiteY566"/>
              </a:cxn>
              <a:cxn ang="0">
                <a:pos x="connsiteX567" y="connsiteY567"/>
              </a:cxn>
              <a:cxn ang="0">
                <a:pos x="connsiteX568" y="connsiteY568"/>
              </a:cxn>
              <a:cxn ang="0">
                <a:pos x="connsiteX569" y="connsiteY569"/>
              </a:cxn>
              <a:cxn ang="0">
                <a:pos x="connsiteX570" y="connsiteY570"/>
              </a:cxn>
              <a:cxn ang="0">
                <a:pos x="connsiteX571" y="connsiteY571"/>
              </a:cxn>
              <a:cxn ang="0">
                <a:pos x="connsiteX572" y="connsiteY572"/>
              </a:cxn>
              <a:cxn ang="0">
                <a:pos x="connsiteX573" y="connsiteY573"/>
              </a:cxn>
              <a:cxn ang="0">
                <a:pos x="connsiteX574" y="connsiteY574"/>
              </a:cxn>
              <a:cxn ang="0">
                <a:pos x="connsiteX575" y="connsiteY575"/>
              </a:cxn>
              <a:cxn ang="0">
                <a:pos x="connsiteX576" y="connsiteY576"/>
              </a:cxn>
              <a:cxn ang="0">
                <a:pos x="connsiteX577" y="connsiteY577"/>
              </a:cxn>
              <a:cxn ang="0">
                <a:pos x="connsiteX578" y="connsiteY578"/>
              </a:cxn>
              <a:cxn ang="0">
                <a:pos x="connsiteX579" y="connsiteY579"/>
              </a:cxn>
              <a:cxn ang="0">
                <a:pos x="connsiteX580" y="connsiteY580"/>
              </a:cxn>
              <a:cxn ang="0">
                <a:pos x="connsiteX581" y="connsiteY581"/>
              </a:cxn>
              <a:cxn ang="0">
                <a:pos x="connsiteX582" y="connsiteY582"/>
              </a:cxn>
              <a:cxn ang="0">
                <a:pos x="connsiteX583" y="connsiteY583"/>
              </a:cxn>
              <a:cxn ang="0">
                <a:pos x="connsiteX584" y="connsiteY584"/>
              </a:cxn>
              <a:cxn ang="0">
                <a:pos x="connsiteX585" y="connsiteY585"/>
              </a:cxn>
              <a:cxn ang="0">
                <a:pos x="connsiteX586" y="connsiteY586"/>
              </a:cxn>
              <a:cxn ang="0">
                <a:pos x="connsiteX587" y="connsiteY587"/>
              </a:cxn>
              <a:cxn ang="0">
                <a:pos x="connsiteX588" y="connsiteY588"/>
              </a:cxn>
              <a:cxn ang="0">
                <a:pos x="connsiteX589" y="connsiteY589"/>
              </a:cxn>
              <a:cxn ang="0">
                <a:pos x="connsiteX590" y="connsiteY590"/>
              </a:cxn>
              <a:cxn ang="0">
                <a:pos x="connsiteX591" y="connsiteY591"/>
              </a:cxn>
              <a:cxn ang="0">
                <a:pos x="connsiteX592" y="connsiteY592"/>
              </a:cxn>
              <a:cxn ang="0">
                <a:pos x="connsiteX593" y="connsiteY593"/>
              </a:cxn>
              <a:cxn ang="0">
                <a:pos x="connsiteX594" y="connsiteY594"/>
              </a:cxn>
              <a:cxn ang="0">
                <a:pos x="connsiteX595" y="connsiteY595"/>
              </a:cxn>
              <a:cxn ang="0">
                <a:pos x="connsiteX596" y="connsiteY596"/>
              </a:cxn>
              <a:cxn ang="0">
                <a:pos x="connsiteX597" y="connsiteY597"/>
              </a:cxn>
              <a:cxn ang="0">
                <a:pos x="connsiteX598" y="connsiteY598"/>
              </a:cxn>
              <a:cxn ang="0">
                <a:pos x="connsiteX599" y="connsiteY599"/>
              </a:cxn>
              <a:cxn ang="0">
                <a:pos x="connsiteX600" y="connsiteY600"/>
              </a:cxn>
              <a:cxn ang="0">
                <a:pos x="connsiteX601" y="connsiteY601"/>
              </a:cxn>
              <a:cxn ang="0">
                <a:pos x="connsiteX602" y="connsiteY602"/>
              </a:cxn>
              <a:cxn ang="0">
                <a:pos x="connsiteX603" y="connsiteY603"/>
              </a:cxn>
              <a:cxn ang="0">
                <a:pos x="connsiteX604" y="connsiteY604"/>
              </a:cxn>
              <a:cxn ang="0">
                <a:pos x="connsiteX605" y="connsiteY605"/>
              </a:cxn>
              <a:cxn ang="0">
                <a:pos x="connsiteX606" y="connsiteY606"/>
              </a:cxn>
              <a:cxn ang="0">
                <a:pos x="connsiteX607" y="connsiteY607"/>
              </a:cxn>
              <a:cxn ang="0">
                <a:pos x="connsiteX608" y="connsiteY608"/>
              </a:cxn>
              <a:cxn ang="0">
                <a:pos x="connsiteX609" y="connsiteY609"/>
              </a:cxn>
              <a:cxn ang="0">
                <a:pos x="connsiteX610" y="connsiteY610"/>
              </a:cxn>
              <a:cxn ang="0">
                <a:pos x="connsiteX611" y="connsiteY611"/>
              </a:cxn>
              <a:cxn ang="0">
                <a:pos x="connsiteX612" y="connsiteY612"/>
              </a:cxn>
              <a:cxn ang="0">
                <a:pos x="connsiteX613" y="connsiteY613"/>
              </a:cxn>
              <a:cxn ang="0">
                <a:pos x="connsiteX614" y="connsiteY614"/>
              </a:cxn>
              <a:cxn ang="0">
                <a:pos x="connsiteX615" y="connsiteY615"/>
              </a:cxn>
              <a:cxn ang="0">
                <a:pos x="connsiteX616" y="connsiteY616"/>
              </a:cxn>
              <a:cxn ang="0">
                <a:pos x="connsiteX617" y="connsiteY617"/>
              </a:cxn>
              <a:cxn ang="0">
                <a:pos x="connsiteX618" y="connsiteY618"/>
              </a:cxn>
              <a:cxn ang="0">
                <a:pos x="connsiteX619" y="connsiteY619"/>
              </a:cxn>
              <a:cxn ang="0">
                <a:pos x="connsiteX620" y="connsiteY620"/>
              </a:cxn>
              <a:cxn ang="0">
                <a:pos x="connsiteX621" y="connsiteY621"/>
              </a:cxn>
              <a:cxn ang="0">
                <a:pos x="connsiteX622" y="connsiteY622"/>
              </a:cxn>
              <a:cxn ang="0">
                <a:pos x="connsiteX623" y="connsiteY623"/>
              </a:cxn>
              <a:cxn ang="0">
                <a:pos x="connsiteX624" y="connsiteY624"/>
              </a:cxn>
              <a:cxn ang="0">
                <a:pos x="connsiteX625" y="connsiteY625"/>
              </a:cxn>
              <a:cxn ang="0">
                <a:pos x="connsiteX626" y="connsiteY626"/>
              </a:cxn>
              <a:cxn ang="0">
                <a:pos x="connsiteX627" y="connsiteY627"/>
              </a:cxn>
              <a:cxn ang="0">
                <a:pos x="connsiteX628" y="connsiteY628"/>
              </a:cxn>
              <a:cxn ang="0">
                <a:pos x="connsiteX629" y="connsiteY629"/>
              </a:cxn>
              <a:cxn ang="0">
                <a:pos x="connsiteX630" y="connsiteY630"/>
              </a:cxn>
              <a:cxn ang="0">
                <a:pos x="connsiteX631" y="connsiteY631"/>
              </a:cxn>
              <a:cxn ang="0">
                <a:pos x="connsiteX632" y="connsiteY632"/>
              </a:cxn>
              <a:cxn ang="0">
                <a:pos x="connsiteX633" y="connsiteY633"/>
              </a:cxn>
              <a:cxn ang="0">
                <a:pos x="connsiteX634" y="connsiteY634"/>
              </a:cxn>
              <a:cxn ang="0">
                <a:pos x="connsiteX635" y="connsiteY635"/>
              </a:cxn>
              <a:cxn ang="0">
                <a:pos x="connsiteX636" y="connsiteY636"/>
              </a:cxn>
              <a:cxn ang="0">
                <a:pos x="connsiteX637" y="connsiteY637"/>
              </a:cxn>
              <a:cxn ang="0">
                <a:pos x="connsiteX638" y="connsiteY638"/>
              </a:cxn>
              <a:cxn ang="0">
                <a:pos x="connsiteX639" y="connsiteY639"/>
              </a:cxn>
              <a:cxn ang="0">
                <a:pos x="connsiteX640" y="connsiteY640"/>
              </a:cxn>
              <a:cxn ang="0">
                <a:pos x="connsiteX641" y="connsiteY641"/>
              </a:cxn>
              <a:cxn ang="0">
                <a:pos x="connsiteX642" y="connsiteY642"/>
              </a:cxn>
              <a:cxn ang="0">
                <a:pos x="connsiteX643" y="connsiteY643"/>
              </a:cxn>
              <a:cxn ang="0">
                <a:pos x="connsiteX644" y="connsiteY644"/>
              </a:cxn>
              <a:cxn ang="0">
                <a:pos x="connsiteX645" y="connsiteY645"/>
              </a:cxn>
              <a:cxn ang="0">
                <a:pos x="connsiteX646" y="connsiteY646"/>
              </a:cxn>
              <a:cxn ang="0">
                <a:pos x="connsiteX647" y="connsiteY647"/>
              </a:cxn>
              <a:cxn ang="0">
                <a:pos x="connsiteX648" y="connsiteY648"/>
              </a:cxn>
              <a:cxn ang="0">
                <a:pos x="connsiteX649" y="connsiteY649"/>
              </a:cxn>
              <a:cxn ang="0">
                <a:pos x="connsiteX650" y="connsiteY650"/>
              </a:cxn>
              <a:cxn ang="0">
                <a:pos x="connsiteX651" y="connsiteY651"/>
              </a:cxn>
              <a:cxn ang="0">
                <a:pos x="connsiteX652" y="connsiteY652"/>
              </a:cxn>
              <a:cxn ang="0">
                <a:pos x="connsiteX653" y="connsiteY653"/>
              </a:cxn>
              <a:cxn ang="0">
                <a:pos x="connsiteX654" y="connsiteY654"/>
              </a:cxn>
              <a:cxn ang="0">
                <a:pos x="connsiteX655" y="connsiteY655"/>
              </a:cxn>
              <a:cxn ang="0">
                <a:pos x="connsiteX656" y="connsiteY656"/>
              </a:cxn>
              <a:cxn ang="0">
                <a:pos x="connsiteX657" y="connsiteY657"/>
              </a:cxn>
              <a:cxn ang="0">
                <a:pos x="connsiteX658" y="connsiteY658"/>
              </a:cxn>
              <a:cxn ang="0">
                <a:pos x="connsiteX659" y="connsiteY659"/>
              </a:cxn>
              <a:cxn ang="0">
                <a:pos x="connsiteX660" y="connsiteY660"/>
              </a:cxn>
              <a:cxn ang="0">
                <a:pos x="connsiteX661" y="connsiteY661"/>
              </a:cxn>
              <a:cxn ang="0">
                <a:pos x="connsiteX662" y="connsiteY662"/>
              </a:cxn>
              <a:cxn ang="0">
                <a:pos x="connsiteX663" y="connsiteY663"/>
              </a:cxn>
              <a:cxn ang="0">
                <a:pos x="connsiteX664" y="connsiteY664"/>
              </a:cxn>
              <a:cxn ang="0">
                <a:pos x="connsiteX665" y="connsiteY665"/>
              </a:cxn>
              <a:cxn ang="0">
                <a:pos x="connsiteX666" y="connsiteY666"/>
              </a:cxn>
              <a:cxn ang="0">
                <a:pos x="connsiteX667" y="connsiteY667"/>
              </a:cxn>
              <a:cxn ang="0">
                <a:pos x="connsiteX668" y="connsiteY668"/>
              </a:cxn>
              <a:cxn ang="0">
                <a:pos x="connsiteX669" y="connsiteY669"/>
              </a:cxn>
              <a:cxn ang="0">
                <a:pos x="connsiteX670" y="connsiteY670"/>
              </a:cxn>
              <a:cxn ang="0">
                <a:pos x="connsiteX671" y="connsiteY671"/>
              </a:cxn>
              <a:cxn ang="0">
                <a:pos x="connsiteX672" y="connsiteY672"/>
              </a:cxn>
              <a:cxn ang="0">
                <a:pos x="connsiteX673" y="connsiteY673"/>
              </a:cxn>
              <a:cxn ang="0">
                <a:pos x="connsiteX674" y="connsiteY674"/>
              </a:cxn>
              <a:cxn ang="0">
                <a:pos x="connsiteX675" y="connsiteY675"/>
              </a:cxn>
              <a:cxn ang="0">
                <a:pos x="connsiteX676" y="connsiteY676"/>
              </a:cxn>
              <a:cxn ang="0">
                <a:pos x="connsiteX677" y="connsiteY677"/>
              </a:cxn>
              <a:cxn ang="0">
                <a:pos x="connsiteX678" y="connsiteY678"/>
              </a:cxn>
              <a:cxn ang="0">
                <a:pos x="connsiteX679" y="connsiteY679"/>
              </a:cxn>
              <a:cxn ang="0">
                <a:pos x="connsiteX680" y="connsiteY680"/>
              </a:cxn>
              <a:cxn ang="0">
                <a:pos x="connsiteX681" y="connsiteY681"/>
              </a:cxn>
              <a:cxn ang="0">
                <a:pos x="connsiteX682" y="connsiteY682"/>
              </a:cxn>
              <a:cxn ang="0">
                <a:pos x="connsiteX683" y="connsiteY683"/>
              </a:cxn>
              <a:cxn ang="0">
                <a:pos x="connsiteX684" y="connsiteY684"/>
              </a:cxn>
              <a:cxn ang="0">
                <a:pos x="connsiteX685" y="connsiteY685"/>
              </a:cxn>
              <a:cxn ang="0">
                <a:pos x="connsiteX686" y="connsiteY686"/>
              </a:cxn>
              <a:cxn ang="0">
                <a:pos x="connsiteX687" y="connsiteY687"/>
              </a:cxn>
              <a:cxn ang="0">
                <a:pos x="connsiteX688" y="connsiteY688"/>
              </a:cxn>
              <a:cxn ang="0">
                <a:pos x="connsiteX689" y="connsiteY689"/>
              </a:cxn>
              <a:cxn ang="0">
                <a:pos x="connsiteX690" y="connsiteY690"/>
              </a:cxn>
              <a:cxn ang="0">
                <a:pos x="connsiteX691" y="connsiteY691"/>
              </a:cxn>
              <a:cxn ang="0">
                <a:pos x="connsiteX692" y="connsiteY692"/>
              </a:cxn>
              <a:cxn ang="0">
                <a:pos x="connsiteX693" y="connsiteY693"/>
              </a:cxn>
              <a:cxn ang="0">
                <a:pos x="connsiteX694" y="connsiteY694"/>
              </a:cxn>
              <a:cxn ang="0">
                <a:pos x="connsiteX695" y="connsiteY695"/>
              </a:cxn>
              <a:cxn ang="0">
                <a:pos x="connsiteX696" y="connsiteY696"/>
              </a:cxn>
              <a:cxn ang="0">
                <a:pos x="connsiteX697" y="connsiteY697"/>
              </a:cxn>
              <a:cxn ang="0">
                <a:pos x="connsiteX698" y="connsiteY698"/>
              </a:cxn>
              <a:cxn ang="0">
                <a:pos x="connsiteX699" y="connsiteY699"/>
              </a:cxn>
              <a:cxn ang="0">
                <a:pos x="connsiteX700" y="connsiteY700"/>
              </a:cxn>
              <a:cxn ang="0">
                <a:pos x="connsiteX701" y="connsiteY701"/>
              </a:cxn>
              <a:cxn ang="0">
                <a:pos x="connsiteX702" y="connsiteY702"/>
              </a:cxn>
              <a:cxn ang="0">
                <a:pos x="connsiteX703" y="connsiteY703"/>
              </a:cxn>
              <a:cxn ang="0">
                <a:pos x="connsiteX704" y="connsiteY704"/>
              </a:cxn>
              <a:cxn ang="0">
                <a:pos x="connsiteX705" y="connsiteY705"/>
              </a:cxn>
              <a:cxn ang="0">
                <a:pos x="connsiteX706" y="connsiteY706"/>
              </a:cxn>
              <a:cxn ang="0">
                <a:pos x="connsiteX707" y="connsiteY707"/>
              </a:cxn>
              <a:cxn ang="0">
                <a:pos x="connsiteX708" y="connsiteY708"/>
              </a:cxn>
              <a:cxn ang="0">
                <a:pos x="connsiteX709" y="connsiteY709"/>
              </a:cxn>
              <a:cxn ang="0">
                <a:pos x="connsiteX710" y="connsiteY710"/>
              </a:cxn>
              <a:cxn ang="0">
                <a:pos x="connsiteX711" y="connsiteY711"/>
              </a:cxn>
              <a:cxn ang="0">
                <a:pos x="connsiteX712" y="connsiteY712"/>
              </a:cxn>
              <a:cxn ang="0">
                <a:pos x="connsiteX713" y="connsiteY713"/>
              </a:cxn>
              <a:cxn ang="0">
                <a:pos x="connsiteX714" y="connsiteY714"/>
              </a:cxn>
              <a:cxn ang="0">
                <a:pos x="connsiteX715" y="connsiteY715"/>
              </a:cxn>
              <a:cxn ang="0">
                <a:pos x="connsiteX716" y="connsiteY716"/>
              </a:cxn>
              <a:cxn ang="0">
                <a:pos x="connsiteX717" y="connsiteY717"/>
              </a:cxn>
              <a:cxn ang="0">
                <a:pos x="connsiteX718" y="connsiteY718"/>
              </a:cxn>
              <a:cxn ang="0">
                <a:pos x="connsiteX719" y="connsiteY719"/>
              </a:cxn>
              <a:cxn ang="0">
                <a:pos x="connsiteX720" y="connsiteY720"/>
              </a:cxn>
              <a:cxn ang="0">
                <a:pos x="connsiteX721" y="connsiteY721"/>
              </a:cxn>
              <a:cxn ang="0">
                <a:pos x="connsiteX722" y="connsiteY722"/>
              </a:cxn>
              <a:cxn ang="0">
                <a:pos x="connsiteX723" y="connsiteY723"/>
              </a:cxn>
              <a:cxn ang="0">
                <a:pos x="connsiteX724" y="connsiteY724"/>
              </a:cxn>
              <a:cxn ang="0">
                <a:pos x="connsiteX725" y="connsiteY725"/>
              </a:cxn>
              <a:cxn ang="0">
                <a:pos x="connsiteX726" y="connsiteY726"/>
              </a:cxn>
              <a:cxn ang="0">
                <a:pos x="connsiteX727" y="connsiteY727"/>
              </a:cxn>
              <a:cxn ang="0">
                <a:pos x="connsiteX728" y="connsiteY728"/>
              </a:cxn>
              <a:cxn ang="0">
                <a:pos x="connsiteX729" y="connsiteY729"/>
              </a:cxn>
              <a:cxn ang="0">
                <a:pos x="connsiteX730" y="connsiteY730"/>
              </a:cxn>
              <a:cxn ang="0">
                <a:pos x="connsiteX731" y="connsiteY731"/>
              </a:cxn>
              <a:cxn ang="0">
                <a:pos x="connsiteX732" y="connsiteY732"/>
              </a:cxn>
              <a:cxn ang="0">
                <a:pos x="connsiteX733" y="connsiteY733"/>
              </a:cxn>
              <a:cxn ang="0">
                <a:pos x="connsiteX734" y="connsiteY734"/>
              </a:cxn>
              <a:cxn ang="0">
                <a:pos x="connsiteX735" y="connsiteY735"/>
              </a:cxn>
              <a:cxn ang="0">
                <a:pos x="connsiteX736" y="connsiteY736"/>
              </a:cxn>
              <a:cxn ang="0">
                <a:pos x="connsiteX737" y="connsiteY737"/>
              </a:cxn>
              <a:cxn ang="0">
                <a:pos x="connsiteX738" y="connsiteY738"/>
              </a:cxn>
              <a:cxn ang="0">
                <a:pos x="connsiteX739" y="connsiteY739"/>
              </a:cxn>
              <a:cxn ang="0">
                <a:pos x="connsiteX740" y="connsiteY740"/>
              </a:cxn>
              <a:cxn ang="0">
                <a:pos x="connsiteX741" y="connsiteY741"/>
              </a:cxn>
              <a:cxn ang="0">
                <a:pos x="connsiteX742" y="connsiteY742"/>
              </a:cxn>
              <a:cxn ang="0">
                <a:pos x="connsiteX743" y="connsiteY743"/>
              </a:cxn>
              <a:cxn ang="0">
                <a:pos x="connsiteX744" y="connsiteY744"/>
              </a:cxn>
              <a:cxn ang="0">
                <a:pos x="connsiteX745" y="connsiteY745"/>
              </a:cxn>
              <a:cxn ang="0">
                <a:pos x="connsiteX746" y="connsiteY746"/>
              </a:cxn>
              <a:cxn ang="0">
                <a:pos x="connsiteX747" y="connsiteY747"/>
              </a:cxn>
            </a:cxnLst>
            <a:rect l="l" t="t" r="r" b="b"/>
            <a:pathLst>
              <a:path w="9497977" h="6857968">
                <a:moveTo>
                  <a:pt x="6330995" y="6474347"/>
                </a:moveTo>
                <a:lnTo>
                  <a:pt x="6330995" y="6545648"/>
                </a:lnTo>
                <a:lnTo>
                  <a:pt x="6402296" y="6545648"/>
                </a:lnTo>
                <a:lnTo>
                  <a:pt x="6402296" y="6474347"/>
                </a:lnTo>
                <a:close/>
                <a:moveTo>
                  <a:pt x="6188393" y="6474347"/>
                </a:moveTo>
                <a:lnTo>
                  <a:pt x="6188393" y="6545648"/>
                </a:lnTo>
                <a:lnTo>
                  <a:pt x="6259694" y="6545648"/>
                </a:lnTo>
                <a:lnTo>
                  <a:pt x="6259694" y="6474347"/>
                </a:lnTo>
                <a:close/>
                <a:moveTo>
                  <a:pt x="6045721" y="6474347"/>
                </a:moveTo>
                <a:lnTo>
                  <a:pt x="6045721" y="6545648"/>
                </a:lnTo>
                <a:lnTo>
                  <a:pt x="6117021" y="6545648"/>
                </a:lnTo>
                <a:lnTo>
                  <a:pt x="6117021" y="6474347"/>
                </a:lnTo>
                <a:close/>
                <a:moveTo>
                  <a:pt x="5903048" y="6474347"/>
                </a:moveTo>
                <a:lnTo>
                  <a:pt x="5903048" y="6545648"/>
                </a:lnTo>
                <a:lnTo>
                  <a:pt x="5974349" y="6545648"/>
                </a:lnTo>
                <a:lnTo>
                  <a:pt x="5974349" y="6474347"/>
                </a:lnTo>
                <a:close/>
                <a:moveTo>
                  <a:pt x="5760447" y="6474347"/>
                </a:moveTo>
                <a:lnTo>
                  <a:pt x="5760447" y="6545648"/>
                </a:lnTo>
                <a:lnTo>
                  <a:pt x="5831748" y="6545648"/>
                </a:lnTo>
                <a:lnTo>
                  <a:pt x="5831748" y="6474347"/>
                </a:lnTo>
                <a:close/>
                <a:moveTo>
                  <a:pt x="5617774" y="6474347"/>
                </a:moveTo>
                <a:lnTo>
                  <a:pt x="5617774" y="6545648"/>
                </a:lnTo>
                <a:lnTo>
                  <a:pt x="5689075" y="6545648"/>
                </a:lnTo>
                <a:lnTo>
                  <a:pt x="5689075" y="6474347"/>
                </a:lnTo>
                <a:close/>
                <a:moveTo>
                  <a:pt x="5475173" y="6474347"/>
                </a:moveTo>
                <a:lnTo>
                  <a:pt x="5475173" y="6545648"/>
                </a:lnTo>
                <a:lnTo>
                  <a:pt x="5546474" y="6545648"/>
                </a:lnTo>
                <a:lnTo>
                  <a:pt x="5546474" y="6474347"/>
                </a:lnTo>
                <a:close/>
                <a:moveTo>
                  <a:pt x="5332500" y="6474347"/>
                </a:moveTo>
                <a:lnTo>
                  <a:pt x="5332500" y="6545648"/>
                </a:lnTo>
                <a:lnTo>
                  <a:pt x="5403801" y="6545648"/>
                </a:lnTo>
                <a:lnTo>
                  <a:pt x="5403801" y="6474347"/>
                </a:lnTo>
                <a:close/>
                <a:moveTo>
                  <a:pt x="5189828" y="6474347"/>
                </a:moveTo>
                <a:lnTo>
                  <a:pt x="5189828" y="6545648"/>
                </a:lnTo>
                <a:lnTo>
                  <a:pt x="5261129" y="6545648"/>
                </a:lnTo>
                <a:lnTo>
                  <a:pt x="5261129" y="6474347"/>
                </a:lnTo>
                <a:close/>
                <a:moveTo>
                  <a:pt x="5047226" y="6474347"/>
                </a:moveTo>
                <a:lnTo>
                  <a:pt x="5047226" y="6545648"/>
                </a:lnTo>
                <a:lnTo>
                  <a:pt x="5118527" y="6545648"/>
                </a:lnTo>
                <a:lnTo>
                  <a:pt x="5118527" y="6474347"/>
                </a:lnTo>
                <a:close/>
                <a:moveTo>
                  <a:pt x="4904553" y="6474347"/>
                </a:moveTo>
                <a:lnTo>
                  <a:pt x="4904553" y="6545648"/>
                </a:lnTo>
                <a:lnTo>
                  <a:pt x="4975854" y="6545648"/>
                </a:lnTo>
                <a:lnTo>
                  <a:pt x="4975854" y="6474347"/>
                </a:lnTo>
                <a:close/>
                <a:moveTo>
                  <a:pt x="4761952" y="6474347"/>
                </a:moveTo>
                <a:lnTo>
                  <a:pt x="4761952" y="6545648"/>
                </a:lnTo>
                <a:lnTo>
                  <a:pt x="4833253" y="6545648"/>
                </a:lnTo>
                <a:lnTo>
                  <a:pt x="4833253" y="6474347"/>
                </a:lnTo>
                <a:close/>
                <a:moveTo>
                  <a:pt x="4619279" y="6474347"/>
                </a:moveTo>
                <a:lnTo>
                  <a:pt x="4619279" y="6545648"/>
                </a:lnTo>
                <a:lnTo>
                  <a:pt x="4690580" y="6545648"/>
                </a:lnTo>
                <a:lnTo>
                  <a:pt x="4690580" y="6474347"/>
                </a:lnTo>
                <a:close/>
                <a:moveTo>
                  <a:pt x="4476678" y="6474347"/>
                </a:moveTo>
                <a:lnTo>
                  <a:pt x="4476678" y="6545648"/>
                </a:lnTo>
                <a:lnTo>
                  <a:pt x="4547979" y="6545648"/>
                </a:lnTo>
                <a:lnTo>
                  <a:pt x="4547979" y="6474347"/>
                </a:lnTo>
                <a:close/>
                <a:moveTo>
                  <a:pt x="4334005" y="6474347"/>
                </a:moveTo>
                <a:lnTo>
                  <a:pt x="4334005" y="6545648"/>
                </a:lnTo>
                <a:lnTo>
                  <a:pt x="4405306" y="6545648"/>
                </a:lnTo>
                <a:lnTo>
                  <a:pt x="4405306" y="6474347"/>
                </a:lnTo>
                <a:close/>
                <a:moveTo>
                  <a:pt x="4191404" y="6474347"/>
                </a:moveTo>
                <a:lnTo>
                  <a:pt x="4191404" y="6545648"/>
                </a:lnTo>
                <a:lnTo>
                  <a:pt x="4262705" y="6545648"/>
                </a:lnTo>
                <a:lnTo>
                  <a:pt x="4262705" y="6474347"/>
                </a:lnTo>
                <a:close/>
                <a:moveTo>
                  <a:pt x="4048731" y="6474347"/>
                </a:moveTo>
                <a:lnTo>
                  <a:pt x="4048731" y="6545648"/>
                </a:lnTo>
                <a:lnTo>
                  <a:pt x="4120032" y="6545648"/>
                </a:lnTo>
                <a:lnTo>
                  <a:pt x="4120032" y="6474347"/>
                </a:lnTo>
                <a:close/>
                <a:moveTo>
                  <a:pt x="3906059" y="6474347"/>
                </a:moveTo>
                <a:lnTo>
                  <a:pt x="3906059" y="6545648"/>
                </a:lnTo>
                <a:lnTo>
                  <a:pt x="3977360" y="6545648"/>
                </a:lnTo>
                <a:lnTo>
                  <a:pt x="3977360" y="6474347"/>
                </a:lnTo>
                <a:close/>
                <a:moveTo>
                  <a:pt x="3763457" y="6474347"/>
                </a:moveTo>
                <a:lnTo>
                  <a:pt x="3763457" y="6545648"/>
                </a:lnTo>
                <a:lnTo>
                  <a:pt x="3834758" y="6545648"/>
                </a:lnTo>
                <a:lnTo>
                  <a:pt x="3834758" y="6474347"/>
                </a:lnTo>
                <a:close/>
                <a:moveTo>
                  <a:pt x="3620784" y="6474347"/>
                </a:moveTo>
                <a:lnTo>
                  <a:pt x="3620784" y="6545648"/>
                </a:lnTo>
                <a:lnTo>
                  <a:pt x="3692085" y="6545648"/>
                </a:lnTo>
                <a:lnTo>
                  <a:pt x="3692085" y="6474347"/>
                </a:lnTo>
                <a:close/>
                <a:moveTo>
                  <a:pt x="3478184" y="6474347"/>
                </a:moveTo>
                <a:lnTo>
                  <a:pt x="3478184" y="6545648"/>
                </a:lnTo>
                <a:lnTo>
                  <a:pt x="3549484" y="6545648"/>
                </a:lnTo>
                <a:lnTo>
                  <a:pt x="3549484" y="6474347"/>
                </a:lnTo>
                <a:close/>
                <a:moveTo>
                  <a:pt x="3335511" y="6474347"/>
                </a:moveTo>
                <a:lnTo>
                  <a:pt x="3335511" y="6545648"/>
                </a:lnTo>
                <a:lnTo>
                  <a:pt x="3406811" y="6545648"/>
                </a:lnTo>
                <a:lnTo>
                  <a:pt x="3406811" y="6474347"/>
                </a:lnTo>
                <a:close/>
                <a:moveTo>
                  <a:pt x="3192839" y="6474347"/>
                </a:moveTo>
                <a:lnTo>
                  <a:pt x="3192839" y="6545648"/>
                </a:lnTo>
                <a:lnTo>
                  <a:pt x="3264139" y="6545648"/>
                </a:lnTo>
                <a:lnTo>
                  <a:pt x="3264139" y="6474347"/>
                </a:lnTo>
                <a:close/>
                <a:moveTo>
                  <a:pt x="3050237" y="6474347"/>
                </a:moveTo>
                <a:lnTo>
                  <a:pt x="3050237" y="6545648"/>
                </a:lnTo>
                <a:lnTo>
                  <a:pt x="3121537" y="6545648"/>
                </a:lnTo>
                <a:lnTo>
                  <a:pt x="3121537" y="6474347"/>
                </a:lnTo>
                <a:close/>
                <a:moveTo>
                  <a:pt x="2907564" y="6474347"/>
                </a:moveTo>
                <a:lnTo>
                  <a:pt x="2907564" y="6545648"/>
                </a:lnTo>
                <a:lnTo>
                  <a:pt x="2978865" y="6545648"/>
                </a:lnTo>
                <a:lnTo>
                  <a:pt x="2978865" y="6474347"/>
                </a:lnTo>
                <a:close/>
                <a:moveTo>
                  <a:pt x="2764962" y="6474347"/>
                </a:moveTo>
                <a:lnTo>
                  <a:pt x="2764962" y="6545648"/>
                </a:lnTo>
                <a:lnTo>
                  <a:pt x="2836263" y="6545648"/>
                </a:lnTo>
                <a:lnTo>
                  <a:pt x="2836263" y="6474347"/>
                </a:lnTo>
                <a:close/>
                <a:moveTo>
                  <a:pt x="2622291" y="6474347"/>
                </a:moveTo>
                <a:lnTo>
                  <a:pt x="2622291" y="6545648"/>
                </a:lnTo>
                <a:lnTo>
                  <a:pt x="2693591" y="6545648"/>
                </a:lnTo>
                <a:lnTo>
                  <a:pt x="2693591" y="6474347"/>
                </a:lnTo>
                <a:close/>
                <a:moveTo>
                  <a:pt x="2479688" y="6474347"/>
                </a:moveTo>
                <a:lnTo>
                  <a:pt x="2479688" y="6545648"/>
                </a:lnTo>
                <a:lnTo>
                  <a:pt x="2550990" y="6545648"/>
                </a:lnTo>
                <a:lnTo>
                  <a:pt x="2550990" y="6474347"/>
                </a:lnTo>
                <a:close/>
                <a:moveTo>
                  <a:pt x="2337016" y="6474347"/>
                </a:moveTo>
                <a:lnTo>
                  <a:pt x="2337016" y="6545648"/>
                </a:lnTo>
                <a:lnTo>
                  <a:pt x="2408317" y="6545648"/>
                </a:lnTo>
                <a:lnTo>
                  <a:pt x="2408317" y="6474347"/>
                </a:lnTo>
                <a:close/>
                <a:moveTo>
                  <a:pt x="2195429" y="6474347"/>
                </a:moveTo>
                <a:lnTo>
                  <a:pt x="2195429" y="6545648"/>
                </a:lnTo>
                <a:lnTo>
                  <a:pt x="2266731" y="6545648"/>
                </a:lnTo>
                <a:lnTo>
                  <a:pt x="2266731" y="6474347"/>
                </a:lnTo>
                <a:close/>
                <a:moveTo>
                  <a:pt x="2052828" y="6474347"/>
                </a:moveTo>
                <a:lnTo>
                  <a:pt x="2052828" y="6545648"/>
                </a:lnTo>
                <a:lnTo>
                  <a:pt x="2124128" y="6545648"/>
                </a:lnTo>
                <a:lnTo>
                  <a:pt x="2124128" y="6474347"/>
                </a:lnTo>
                <a:close/>
                <a:moveTo>
                  <a:pt x="1910155" y="6474347"/>
                </a:moveTo>
                <a:lnTo>
                  <a:pt x="1910155" y="6545648"/>
                </a:lnTo>
                <a:lnTo>
                  <a:pt x="1981455" y="6545648"/>
                </a:lnTo>
                <a:lnTo>
                  <a:pt x="1981455" y="6474347"/>
                </a:lnTo>
                <a:close/>
                <a:moveTo>
                  <a:pt x="1767483" y="6474347"/>
                </a:moveTo>
                <a:lnTo>
                  <a:pt x="1767483" y="6545648"/>
                </a:lnTo>
                <a:lnTo>
                  <a:pt x="1838783" y="6545648"/>
                </a:lnTo>
                <a:lnTo>
                  <a:pt x="1838783" y="6474347"/>
                </a:lnTo>
                <a:close/>
                <a:moveTo>
                  <a:pt x="1624882" y="6474347"/>
                </a:moveTo>
                <a:lnTo>
                  <a:pt x="1624882" y="6545648"/>
                </a:lnTo>
                <a:lnTo>
                  <a:pt x="1696183" y="6545648"/>
                </a:lnTo>
                <a:lnTo>
                  <a:pt x="1696183" y="6474347"/>
                </a:lnTo>
                <a:close/>
                <a:moveTo>
                  <a:pt x="1482215" y="6474347"/>
                </a:moveTo>
                <a:lnTo>
                  <a:pt x="1482215" y="6545648"/>
                </a:lnTo>
                <a:lnTo>
                  <a:pt x="1553511" y="6545648"/>
                </a:lnTo>
                <a:lnTo>
                  <a:pt x="1553511" y="6474347"/>
                </a:lnTo>
                <a:close/>
                <a:moveTo>
                  <a:pt x="1339617" y="6474347"/>
                </a:moveTo>
                <a:lnTo>
                  <a:pt x="1339617" y="6545648"/>
                </a:lnTo>
                <a:lnTo>
                  <a:pt x="1410920" y="6545648"/>
                </a:lnTo>
                <a:lnTo>
                  <a:pt x="1410920" y="6474347"/>
                </a:lnTo>
                <a:close/>
                <a:moveTo>
                  <a:pt x="1196941" y="6474347"/>
                </a:moveTo>
                <a:lnTo>
                  <a:pt x="1196941" y="6545648"/>
                </a:lnTo>
                <a:lnTo>
                  <a:pt x="1268245" y="6545648"/>
                </a:lnTo>
                <a:lnTo>
                  <a:pt x="1268245" y="6474347"/>
                </a:lnTo>
                <a:close/>
                <a:moveTo>
                  <a:pt x="1054277" y="6474347"/>
                </a:moveTo>
                <a:lnTo>
                  <a:pt x="1054277" y="6545648"/>
                </a:lnTo>
                <a:lnTo>
                  <a:pt x="1125575" y="6545648"/>
                </a:lnTo>
                <a:lnTo>
                  <a:pt x="1125575" y="6474347"/>
                </a:lnTo>
                <a:close/>
                <a:moveTo>
                  <a:pt x="911663" y="6474347"/>
                </a:moveTo>
                <a:lnTo>
                  <a:pt x="911663" y="6545648"/>
                </a:lnTo>
                <a:lnTo>
                  <a:pt x="982964" y="6545648"/>
                </a:lnTo>
                <a:lnTo>
                  <a:pt x="982964" y="6474347"/>
                </a:lnTo>
                <a:close/>
                <a:moveTo>
                  <a:pt x="769001" y="6474347"/>
                </a:moveTo>
                <a:lnTo>
                  <a:pt x="769001" y="6545648"/>
                </a:lnTo>
                <a:lnTo>
                  <a:pt x="840299" y="6545648"/>
                </a:lnTo>
                <a:lnTo>
                  <a:pt x="840299" y="6474347"/>
                </a:lnTo>
                <a:close/>
                <a:moveTo>
                  <a:pt x="626392" y="6474347"/>
                </a:moveTo>
                <a:lnTo>
                  <a:pt x="626392" y="6545648"/>
                </a:lnTo>
                <a:lnTo>
                  <a:pt x="697691" y="6545648"/>
                </a:lnTo>
                <a:lnTo>
                  <a:pt x="697691" y="6474347"/>
                </a:lnTo>
                <a:close/>
                <a:moveTo>
                  <a:pt x="483718" y="6474347"/>
                </a:moveTo>
                <a:lnTo>
                  <a:pt x="483718" y="6545648"/>
                </a:lnTo>
                <a:lnTo>
                  <a:pt x="555020" y="6545648"/>
                </a:lnTo>
                <a:lnTo>
                  <a:pt x="555020" y="6474347"/>
                </a:lnTo>
                <a:close/>
                <a:moveTo>
                  <a:pt x="7329490" y="6325709"/>
                </a:moveTo>
                <a:lnTo>
                  <a:pt x="7329490" y="6397010"/>
                </a:lnTo>
                <a:lnTo>
                  <a:pt x="7400791" y="6397010"/>
                </a:lnTo>
                <a:lnTo>
                  <a:pt x="7400791" y="6325709"/>
                </a:lnTo>
                <a:close/>
                <a:moveTo>
                  <a:pt x="7186888" y="6325709"/>
                </a:moveTo>
                <a:lnTo>
                  <a:pt x="7186888" y="6397010"/>
                </a:lnTo>
                <a:lnTo>
                  <a:pt x="7258188" y="6397010"/>
                </a:lnTo>
                <a:lnTo>
                  <a:pt x="7258188" y="6325709"/>
                </a:lnTo>
                <a:close/>
                <a:moveTo>
                  <a:pt x="7044216" y="6325709"/>
                </a:moveTo>
                <a:lnTo>
                  <a:pt x="7044216" y="6397010"/>
                </a:lnTo>
                <a:lnTo>
                  <a:pt x="7115517" y="6397010"/>
                </a:lnTo>
                <a:lnTo>
                  <a:pt x="7115517" y="6325709"/>
                </a:lnTo>
                <a:close/>
                <a:moveTo>
                  <a:pt x="6901543" y="6325709"/>
                </a:moveTo>
                <a:lnTo>
                  <a:pt x="6901543" y="6397010"/>
                </a:lnTo>
                <a:lnTo>
                  <a:pt x="6972844" y="6397010"/>
                </a:lnTo>
                <a:lnTo>
                  <a:pt x="6972844" y="6325709"/>
                </a:lnTo>
                <a:close/>
                <a:moveTo>
                  <a:pt x="6758942" y="6325709"/>
                </a:moveTo>
                <a:lnTo>
                  <a:pt x="6758942" y="6397010"/>
                </a:lnTo>
                <a:lnTo>
                  <a:pt x="6830242" y="6397010"/>
                </a:lnTo>
                <a:lnTo>
                  <a:pt x="6830242" y="6325709"/>
                </a:lnTo>
                <a:close/>
                <a:moveTo>
                  <a:pt x="6616269" y="6325709"/>
                </a:moveTo>
                <a:lnTo>
                  <a:pt x="6616269" y="6397010"/>
                </a:lnTo>
                <a:lnTo>
                  <a:pt x="6687570" y="6397010"/>
                </a:lnTo>
                <a:lnTo>
                  <a:pt x="6687570" y="6325709"/>
                </a:lnTo>
                <a:close/>
                <a:moveTo>
                  <a:pt x="6473667" y="6325709"/>
                </a:moveTo>
                <a:lnTo>
                  <a:pt x="6473667" y="6397010"/>
                </a:lnTo>
                <a:lnTo>
                  <a:pt x="6544968" y="6397010"/>
                </a:lnTo>
                <a:lnTo>
                  <a:pt x="6544968" y="6325709"/>
                </a:lnTo>
                <a:close/>
                <a:moveTo>
                  <a:pt x="6330995" y="6325709"/>
                </a:moveTo>
                <a:lnTo>
                  <a:pt x="6330995" y="6397010"/>
                </a:lnTo>
                <a:lnTo>
                  <a:pt x="6402296" y="6397010"/>
                </a:lnTo>
                <a:lnTo>
                  <a:pt x="6402296" y="6325709"/>
                </a:lnTo>
                <a:close/>
                <a:moveTo>
                  <a:pt x="6188393" y="6325709"/>
                </a:moveTo>
                <a:lnTo>
                  <a:pt x="6188393" y="6397010"/>
                </a:lnTo>
                <a:lnTo>
                  <a:pt x="6259694" y="6397010"/>
                </a:lnTo>
                <a:lnTo>
                  <a:pt x="6259694" y="6325709"/>
                </a:lnTo>
                <a:close/>
                <a:moveTo>
                  <a:pt x="6045721" y="6325709"/>
                </a:moveTo>
                <a:lnTo>
                  <a:pt x="6045721" y="6397010"/>
                </a:lnTo>
                <a:lnTo>
                  <a:pt x="6117021" y="6397010"/>
                </a:lnTo>
                <a:lnTo>
                  <a:pt x="6117021" y="6325709"/>
                </a:lnTo>
                <a:close/>
                <a:moveTo>
                  <a:pt x="5903048" y="6325709"/>
                </a:moveTo>
                <a:lnTo>
                  <a:pt x="5903048" y="6397010"/>
                </a:lnTo>
                <a:lnTo>
                  <a:pt x="5974349" y="6397010"/>
                </a:lnTo>
                <a:lnTo>
                  <a:pt x="5974349" y="6325709"/>
                </a:lnTo>
                <a:close/>
                <a:moveTo>
                  <a:pt x="5760447" y="6325709"/>
                </a:moveTo>
                <a:lnTo>
                  <a:pt x="5760447" y="6397010"/>
                </a:lnTo>
                <a:lnTo>
                  <a:pt x="5831748" y="6397010"/>
                </a:lnTo>
                <a:lnTo>
                  <a:pt x="5831748" y="6325709"/>
                </a:lnTo>
                <a:close/>
                <a:moveTo>
                  <a:pt x="5617774" y="6325709"/>
                </a:moveTo>
                <a:lnTo>
                  <a:pt x="5617774" y="6397010"/>
                </a:lnTo>
                <a:lnTo>
                  <a:pt x="5689075" y="6397010"/>
                </a:lnTo>
                <a:lnTo>
                  <a:pt x="5689075" y="6325709"/>
                </a:lnTo>
                <a:close/>
                <a:moveTo>
                  <a:pt x="5475173" y="6325709"/>
                </a:moveTo>
                <a:lnTo>
                  <a:pt x="5475173" y="6397010"/>
                </a:lnTo>
                <a:lnTo>
                  <a:pt x="5546474" y="6397010"/>
                </a:lnTo>
                <a:lnTo>
                  <a:pt x="5546474" y="6325709"/>
                </a:lnTo>
                <a:close/>
                <a:moveTo>
                  <a:pt x="5332500" y="6325709"/>
                </a:moveTo>
                <a:lnTo>
                  <a:pt x="5332500" y="6397010"/>
                </a:lnTo>
                <a:lnTo>
                  <a:pt x="5403801" y="6397010"/>
                </a:lnTo>
                <a:lnTo>
                  <a:pt x="5403801" y="6325709"/>
                </a:lnTo>
                <a:close/>
                <a:moveTo>
                  <a:pt x="5189828" y="6325709"/>
                </a:moveTo>
                <a:lnTo>
                  <a:pt x="5189828" y="6397010"/>
                </a:lnTo>
                <a:lnTo>
                  <a:pt x="5261129" y="6397010"/>
                </a:lnTo>
                <a:lnTo>
                  <a:pt x="5261129" y="6325709"/>
                </a:lnTo>
                <a:close/>
                <a:moveTo>
                  <a:pt x="5047226" y="6325709"/>
                </a:moveTo>
                <a:lnTo>
                  <a:pt x="5047226" y="6397010"/>
                </a:lnTo>
                <a:lnTo>
                  <a:pt x="5118527" y="6397010"/>
                </a:lnTo>
                <a:lnTo>
                  <a:pt x="5118527" y="6325709"/>
                </a:lnTo>
                <a:close/>
                <a:moveTo>
                  <a:pt x="4904553" y="6325709"/>
                </a:moveTo>
                <a:lnTo>
                  <a:pt x="4904553" y="6397010"/>
                </a:lnTo>
                <a:lnTo>
                  <a:pt x="4975854" y="6397010"/>
                </a:lnTo>
                <a:lnTo>
                  <a:pt x="4975854" y="6325709"/>
                </a:lnTo>
                <a:close/>
                <a:moveTo>
                  <a:pt x="4761952" y="6325709"/>
                </a:moveTo>
                <a:lnTo>
                  <a:pt x="4761952" y="6397010"/>
                </a:lnTo>
                <a:lnTo>
                  <a:pt x="4833253" y="6397010"/>
                </a:lnTo>
                <a:lnTo>
                  <a:pt x="4833253" y="6325709"/>
                </a:lnTo>
                <a:close/>
                <a:moveTo>
                  <a:pt x="4619279" y="6325709"/>
                </a:moveTo>
                <a:lnTo>
                  <a:pt x="4619279" y="6397010"/>
                </a:lnTo>
                <a:lnTo>
                  <a:pt x="4690580" y="6397010"/>
                </a:lnTo>
                <a:lnTo>
                  <a:pt x="4690580" y="6325709"/>
                </a:lnTo>
                <a:close/>
                <a:moveTo>
                  <a:pt x="4476678" y="6325709"/>
                </a:moveTo>
                <a:lnTo>
                  <a:pt x="4476678" y="6397010"/>
                </a:lnTo>
                <a:lnTo>
                  <a:pt x="4547979" y="6397010"/>
                </a:lnTo>
                <a:lnTo>
                  <a:pt x="4547979" y="6325709"/>
                </a:lnTo>
                <a:close/>
                <a:moveTo>
                  <a:pt x="4334005" y="6325709"/>
                </a:moveTo>
                <a:lnTo>
                  <a:pt x="4334005" y="6397010"/>
                </a:lnTo>
                <a:lnTo>
                  <a:pt x="4405306" y="6397010"/>
                </a:lnTo>
                <a:lnTo>
                  <a:pt x="4405306" y="6325709"/>
                </a:lnTo>
                <a:close/>
                <a:moveTo>
                  <a:pt x="4191404" y="6325709"/>
                </a:moveTo>
                <a:lnTo>
                  <a:pt x="4191404" y="6397010"/>
                </a:lnTo>
                <a:lnTo>
                  <a:pt x="4262705" y="6397010"/>
                </a:lnTo>
                <a:lnTo>
                  <a:pt x="4262705" y="6325709"/>
                </a:lnTo>
                <a:close/>
                <a:moveTo>
                  <a:pt x="4048731" y="6325709"/>
                </a:moveTo>
                <a:lnTo>
                  <a:pt x="4048731" y="6397010"/>
                </a:lnTo>
                <a:lnTo>
                  <a:pt x="4120032" y="6397010"/>
                </a:lnTo>
                <a:lnTo>
                  <a:pt x="4120032" y="6325709"/>
                </a:lnTo>
                <a:close/>
                <a:moveTo>
                  <a:pt x="3906059" y="6325709"/>
                </a:moveTo>
                <a:lnTo>
                  <a:pt x="3906059" y="6397010"/>
                </a:lnTo>
                <a:lnTo>
                  <a:pt x="3977360" y="6397010"/>
                </a:lnTo>
                <a:lnTo>
                  <a:pt x="3977360" y="6325709"/>
                </a:lnTo>
                <a:close/>
                <a:moveTo>
                  <a:pt x="3763457" y="6325709"/>
                </a:moveTo>
                <a:lnTo>
                  <a:pt x="3763457" y="6397010"/>
                </a:lnTo>
                <a:lnTo>
                  <a:pt x="3834758" y="6397010"/>
                </a:lnTo>
                <a:lnTo>
                  <a:pt x="3834758" y="6325709"/>
                </a:lnTo>
                <a:close/>
                <a:moveTo>
                  <a:pt x="3620784" y="6325709"/>
                </a:moveTo>
                <a:lnTo>
                  <a:pt x="3620784" y="6397010"/>
                </a:lnTo>
                <a:lnTo>
                  <a:pt x="3692085" y="6397010"/>
                </a:lnTo>
                <a:lnTo>
                  <a:pt x="3692085" y="6325709"/>
                </a:lnTo>
                <a:close/>
                <a:moveTo>
                  <a:pt x="3478184" y="6325709"/>
                </a:moveTo>
                <a:lnTo>
                  <a:pt x="3478184" y="6397010"/>
                </a:lnTo>
                <a:lnTo>
                  <a:pt x="3549484" y="6397010"/>
                </a:lnTo>
                <a:lnTo>
                  <a:pt x="3549484" y="6325709"/>
                </a:lnTo>
                <a:close/>
                <a:moveTo>
                  <a:pt x="3335511" y="6325709"/>
                </a:moveTo>
                <a:lnTo>
                  <a:pt x="3335511" y="6397010"/>
                </a:lnTo>
                <a:lnTo>
                  <a:pt x="3406811" y="6397010"/>
                </a:lnTo>
                <a:lnTo>
                  <a:pt x="3406811" y="6325709"/>
                </a:lnTo>
                <a:close/>
                <a:moveTo>
                  <a:pt x="3192839" y="6325709"/>
                </a:moveTo>
                <a:lnTo>
                  <a:pt x="3192839" y="6397010"/>
                </a:lnTo>
                <a:lnTo>
                  <a:pt x="3264139" y="6397010"/>
                </a:lnTo>
                <a:lnTo>
                  <a:pt x="3264139" y="6325709"/>
                </a:lnTo>
                <a:close/>
                <a:moveTo>
                  <a:pt x="3050237" y="6325709"/>
                </a:moveTo>
                <a:lnTo>
                  <a:pt x="3050237" y="6397010"/>
                </a:lnTo>
                <a:lnTo>
                  <a:pt x="3121537" y="6397010"/>
                </a:lnTo>
                <a:lnTo>
                  <a:pt x="3121537" y="6325709"/>
                </a:lnTo>
                <a:close/>
                <a:moveTo>
                  <a:pt x="2907564" y="6325709"/>
                </a:moveTo>
                <a:lnTo>
                  <a:pt x="2907564" y="6397010"/>
                </a:lnTo>
                <a:lnTo>
                  <a:pt x="2978865" y="6397010"/>
                </a:lnTo>
                <a:lnTo>
                  <a:pt x="2978865" y="6325709"/>
                </a:lnTo>
                <a:close/>
                <a:moveTo>
                  <a:pt x="2764962" y="6325709"/>
                </a:moveTo>
                <a:lnTo>
                  <a:pt x="2764962" y="6397010"/>
                </a:lnTo>
                <a:lnTo>
                  <a:pt x="2836263" y="6397010"/>
                </a:lnTo>
                <a:lnTo>
                  <a:pt x="2836263" y="6325709"/>
                </a:lnTo>
                <a:close/>
                <a:moveTo>
                  <a:pt x="2622291" y="6325709"/>
                </a:moveTo>
                <a:lnTo>
                  <a:pt x="2622291" y="6397010"/>
                </a:lnTo>
                <a:lnTo>
                  <a:pt x="2693591" y="6397010"/>
                </a:lnTo>
                <a:lnTo>
                  <a:pt x="2693591" y="6325709"/>
                </a:lnTo>
                <a:close/>
                <a:moveTo>
                  <a:pt x="2479688" y="6325709"/>
                </a:moveTo>
                <a:lnTo>
                  <a:pt x="2479688" y="6397010"/>
                </a:lnTo>
                <a:lnTo>
                  <a:pt x="2550990" y="6397010"/>
                </a:lnTo>
                <a:lnTo>
                  <a:pt x="2550990" y="6325709"/>
                </a:lnTo>
                <a:close/>
                <a:moveTo>
                  <a:pt x="2337016" y="6325709"/>
                </a:moveTo>
                <a:lnTo>
                  <a:pt x="2337016" y="6397010"/>
                </a:lnTo>
                <a:lnTo>
                  <a:pt x="2408317" y="6397010"/>
                </a:lnTo>
                <a:lnTo>
                  <a:pt x="2408317" y="6325709"/>
                </a:lnTo>
                <a:close/>
                <a:moveTo>
                  <a:pt x="2195429" y="6325709"/>
                </a:moveTo>
                <a:lnTo>
                  <a:pt x="2195429" y="6397010"/>
                </a:lnTo>
                <a:lnTo>
                  <a:pt x="2266731" y="6397010"/>
                </a:lnTo>
                <a:lnTo>
                  <a:pt x="2266731" y="6325709"/>
                </a:lnTo>
                <a:close/>
                <a:moveTo>
                  <a:pt x="2052828" y="6325709"/>
                </a:moveTo>
                <a:lnTo>
                  <a:pt x="2052828" y="6397010"/>
                </a:lnTo>
                <a:lnTo>
                  <a:pt x="2124128" y="6397010"/>
                </a:lnTo>
                <a:lnTo>
                  <a:pt x="2124128" y="6325709"/>
                </a:lnTo>
                <a:close/>
                <a:moveTo>
                  <a:pt x="1910155" y="6325709"/>
                </a:moveTo>
                <a:lnTo>
                  <a:pt x="1910155" y="6397010"/>
                </a:lnTo>
                <a:lnTo>
                  <a:pt x="1981455" y="6397010"/>
                </a:lnTo>
                <a:lnTo>
                  <a:pt x="1981455" y="6325709"/>
                </a:lnTo>
                <a:close/>
                <a:moveTo>
                  <a:pt x="1767483" y="6325709"/>
                </a:moveTo>
                <a:lnTo>
                  <a:pt x="1767483" y="6397010"/>
                </a:lnTo>
                <a:lnTo>
                  <a:pt x="1838783" y="6397010"/>
                </a:lnTo>
                <a:lnTo>
                  <a:pt x="1838783" y="6325709"/>
                </a:lnTo>
                <a:close/>
                <a:moveTo>
                  <a:pt x="1624882" y="6325709"/>
                </a:moveTo>
                <a:lnTo>
                  <a:pt x="1624882" y="6397010"/>
                </a:lnTo>
                <a:lnTo>
                  <a:pt x="1696183" y="6397010"/>
                </a:lnTo>
                <a:lnTo>
                  <a:pt x="1696183" y="6325709"/>
                </a:lnTo>
                <a:close/>
                <a:moveTo>
                  <a:pt x="1482215" y="6325709"/>
                </a:moveTo>
                <a:lnTo>
                  <a:pt x="1482215" y="6397010"/>
                </a:lnTo>
                <a:lnTo>
                  <a:pt x="1553511" y="6397010"/>
                </a:lnTo>
                <a:lnTo>
                  <a:pt x="1553511" y="6325709"/>
                </a:lnTo>
                <a:close/>
                <a:moveTo>
                  <a:pt x="1339621" y="6325709"/>
                </a:moveTo>
                <a:lnTo>
                  <a:pt x="1339621" y="6397010"/>
                </a:lnTo>
                <a:lnTo>
                  <a:pt x="1410920" y="6397010"/>
                </a:lnTo>
                <a:lnTo>
                  <a:pt x="1410920" y="6325709"/>
                </a:lnTo>
                <a:close/>
                <a:moveTo>
                  <a:pt x="1196941" y="6325709"/>
                </a:moveTo>
                <a:lnTo>
                  <a:pt x="1196941" y="6397010"/>
                </a:lnTo>
                <a:lnTo>
                  <a:pt x="1268245" y="6397010"/>
                </a:lnTo>
                <a:lnTo>
                  <a:pt x="1268245" y="6325709"/>
                </a:lnTo>
                <a:close/>
                <a:moveTo>
                  <a:pt x="1054277" y="6325709"/>
                </a:moveTo>
                <a:lnTo>
                  <a:pt x="1054277" y="6397010"/>
                </a:lnTo>
                <a:lnTo>
                  <a:pt x="1125575" y="6397010"/>
                </a:lnTo>
                <a:lnTo>
                  <a:pt x="1125575" y="6325709"/>
                </a:lnTo>
                <a:close/>
                <a:moveTo>
                  <a:pt x="911663" y="6325709"/>
                </a:moveTo>
                <a:lnTo>
                  <a:pt x="911663" y="6397010"/>
                </a:lnTo>
                <a:lnTo>
                  <a:pt x="982964" y="6397010"/>
                </a:lnTo>
                <a:lnTo>
                  <a:pt x="982964" y="6325709"/>
                </a:lnTo>
                <a:close/>
                <a:moveTo>
                  <a:pt x="769001" y="6325709"/>
                </a:moveTo>
                <a:lnTo>
                  <a:pt x="769001" y="6397010"/>
                </a:lnTo>
                <a:lnTo>
                  <a:pt x="840299" y="6397010"/>
                </a:lnTo>
                <a:lnTo>
                  <a:pt x="840299" y="6325709"/>
                </a:lnTo>
                <a:close/>
                <a:moveTo>
                  <a:pt x="626392" y="6325709"/>
                </a:moveTo>
                <a:lnTo>
                  <a:pt x="626392" y="6397010"/>
                </a:lnTo>
                <a:lnTo>
                  <a:pt x="697691" y="6397010"/>
                </a:lnTo>
                <a:lnTo>
                  <a:pt x="697691" y="6325709"/>
                </a:lnTo>
                <a:close/>
                <a:moveTo>
                  <a:pt x="7044216" y="6183107"/>
                </a:moveTo>
                <a:lnTo>
                  <a:pt x="7044216" y="6254408"/>
                </a:lnTo>
                <a:lnTo>
                  <a:pt x="7115517" y="6254408"/>
                </a:lnTo>
                <a:lnTo>
                  <a:pt x="7115517" y="6183107"/>
                </a:lnTo>
                <a:close/>
                <a:moveTo>
                  <a:pt x="6901543" y="6183107"/>
                </a:moveTo>
                <a:lnTo>
                  <a:pt x="6901543" y="6254408"/>
                </a:lnTo>
                <a:lnTo>
                  <a:pt x="6972844" y="6254408"/>
                </a:lnTo>
                <a:lnTo>
                  <a:pt x="6972844" y="6183107"/>
                </a:lnTo>
                <a:close/>
                <a:moveTo>
                  <a:pt x="6758942" y="6183107"/>
                </a:moveTo>
                <a:lnTo>
                  <a:pt x="6758942" y="6254408"/>
                </a:lnTo>
                <a:lnTo>
                  <a:pt x="6830242" y="6254408"/>
                </a:lnTo>
                <a:lnTo>
                  <a:pt x="6830242" y="6183107"/>
                </a:lnTo>
                <a:close/>
                <a:moveTo>
                  <a:pt x="6616269" y="6183107"/>
                </a:moveTo>
                <a:lnTo>
                  <a:pt x="6616269" y="6254408"/>
                </a:lnTo>
                <a:lnTo>
                  <a:pt x="6687570" y="6254408"/>
                </a:lnTo>
                <a:lnTo>
                  <a:pt x="6687570" y="6183107"/>
                </a:lnTo>
                <a:close/>
                <a:moveTo>
                  <a:pt x="6473667" y="6183107"/>
                </a:moveTo>
                <a:lnTo>
                  <a:pt x="6473667" y="6254408"/>
                </a:lnTo>
                <a:lnTo>
                  <a:pt x="6544968" y="6254408"/>
                </a:lnTo>
                <a:lnTo>
                  <a:pt x="6544968" y="6183107"/>
                </a:lnTo>
                <a:close/>
                <a:moveTo>
                  <a:pt x="6330995" y="6183107"/>
                </a:moveTo>
                <a:lnTo>
                  <a:pt x="6330995" y="6254408"/>
                </a:lnTo>
                <a:lnTo>
                  <a:pt x="6402296" y="6254408"/>
                </a:lnTo>
                <a:lnTo>
                  <a:pt x="6402296" y="6183107"/>
                </a:lnTo>
                <a:close/>
                <a:moveTo>
                  <a:pt x="6188393" y="6183107"/>
                </a:moveTo>
                <a:lnTo>
                  <a:pt x="6188393" y="6254408"/>
                </a:lnTo>
                <a:lnTo>
                  <a:pt x="6259694" y="6254408"/>
                </a:lnTo>
                <a:lnTo>
                  <a:pt x="6259694" y="6183107"/>
                </a:lnTo>
                <a:close/>
                <a:moveTo>
                  <a:pt x="6045721" y="6183107"/>
                </a:moveTo>
                <a:lnTo>
                  <a:pt x="6045721" y="6254408"/>
                </a:lnTo>
                <a:lnTo>
                  <a:pt x="6117021" y="6254408"/>
                </a:lnTo>
                <a:lnTo>
                  <a:pt x="6117021" y="6183107"/>
                </a:lnTo>
                <a:close/>
                <a:moveTo>
                  <a:pt x="5903048" y="6183107"/>
                </a:moveTo>
                <a:lnTo>
                  <a:pt x="5903048" y="6254408"/>
                </a:lnTo>
                <a:lnTo>
                  <a:pt x="5974349" y="6254408"/>
                </a:lnTo>
                <a:lnTo>
                  <a:pt x="5974349" y="6183107"/>
                </a:lnTo>
                <a:close/>
                <a:moveTo>
                  <a:pt x="5760447" y="6183107"/>
                </a:moveTo>
                <a:lnTo>
                  <a:pt x="5760447" y="6254408"/>
                </a:lnTo>
                <a:lnTo>
                  <a:pt x="5831748" y="6254408"/>
                </a:lnTo>
                <a:lnTo>
                  <a:pt x="5831748" y="6183107"/>
                </a:lnTo>
                <a:close/>
                <a:moveTo>
                  <a:pt x="5617774" y="6183107"/>
                </a:moveTo>
                <a:lnTo>
                  <a:pt x="5617774" y="6254408"/>
                </a:lnTo>
                <a:lnTo>
                  <a:pt x="5689075" y="6254408"/>
                </a:lnTo>
                <a:lnTo>
                  <a:pt x="5689075" y="6183107"/>
                </a:lnTo>
                <a:close/>
                <a:moveTo>
                  <a:pt x="5475173" y="6183107"/>
                </a:moveTo>
                <a:lnTo>
                  <a:pt x="5475173" y="6254408"/>
                </a:lnTo>
                <a:lnTo>
                  <a:pt x="5546474" y="6254408"/>
                </a:lnTo>
                <a:lnTo>
                  <a:pt x="5546474" y="6183107"/>
                </a:lnTo>
                <a:close/>
                <a:moveTo>
                  <a:pt x="5332500" y="6183107"/>
                </a:moveTo>
                <a:lnTo>
                  <a:pt x="5332500" y="6254408"/>
                </a:lnTo>
                <a:lnTo>
                  <a:pt x="5403801" y="6254408"/>
                </a:lnTo>
                <a:lnTo>
                  <a:pt x="5403801" y="6183107"/>
                </a:lnTo>
                <a:close/>
                <a:moveTo>
                  <a:pt x="5189828" y="6183107"/>
                </a:moveTo>
                <a:lnTo>
                  <a:pt x="5189828" y="6254408"/>
                </a:lnTo>
                <a:lnTo>
                  <a:pt x="5261129" y="6254408"/>
                </a:lnTo>
                <a:lnTo>
                  <a:pt x="5261129" y="6183107"/>
                </a:lnTo>
                <a:close/>
                <a:moveTo>
                  <a:pt x="5047226" y="6183107"/>
                </a:moveTo>
                <a:lnTo>
                  <a:pt x="5047226" y="6254408"/>
                </a:lnTo>
                <a:lnTo>
                  <a:pt x="5118527" y="6254408"/>
                </a:lnTo>
                <a:lnTo>
                  <a:pt x="5118527" y="6183107"/>
                </a:lnTo>
                <a:close/>
                <a:moveTo>
                  <a:pt x="4904553" y="6183107"/>
                </a:moveTo>
                <a:lnTo>
                  <a:pt x="4904553" y="6254408"/>
                </a:lnTo>
                <a:lnTo>
                  <a:pt x="4975854" y="6254408"/>
                </a:lnTo>
                <a:lnTo>
                  <a:pt x="4975854" y="6183107"/>
                </a:lnTo>
                <a:close/>
                <a:moveTo>
                  <a:pt x="4761952" y="6183107"/>
                </a:moveTo>
                <a:lnTo>
                  <a:pt x="4761952" y="6254408"/>
                </a:lnTo>
                <a:lnTo>
                  <a:pt x="4833253" y="6254408"/>
                </a:lnTo>
                <a:lnTo>
                  <a:pt x="4833253" y="6183107"/>
                </a:lnTo>
                <a:close/>
                <a:moveTo>
                  <a:pt x="4619279" y="6183107"/>
                </a:moveTo>
                <a:lnTo>
                  <a:pt x="4619279" y="6254408"/>
                </a:lnTo>
                <a:lnTo>
                  <a:pt x="4690580" y="6254408"/>
                </a:lnTo>
                <a:lnTo>
                  <a:pt x="4690580" y="6183107"/>
                </a:lnTo>
                <a:close/>
                <a:moveTo>
                  <a:pt x="4476678" y="6183107"/>
                </a:moveTo>
                <a:lnTo>
                  <a:pt x="4476678" y="6254408"/>
                </a:lnTo>
                <a:lnTo>
                  <a:pt x="4547979" y="6254408"/>
                </a:lnTo>
                <a:lnTo>
                  <a:pt x="4547979" y="6183107"/>
                </a:lnTo>
                <a:close/>
                <a:moveTo>
                  <a:pt x="4334005" y="6183107"/>
                </a:moveTo>
                <a:lnTo>
                  <a:pt x="4334005" y="6254408"/>
                </a:lnTo>
                <a:lnTo>
                  <a:pt x="4405306" y="6254408"/>
                </a:lnTo>
                <a:lnTo>
                  <a:pt x="4405306" y="6183107"/>
                </a:lnTo>
                <a:close/>
                <a:moveTo>
                  <a:pt x="4191404" y="6183107"/>
                </a:moveTo>
                <a:lnTo>
                  <a:pt x="4191404" y="6254408"/>
                </a:lnTo>
                <a:lnTo>
                  <a:pt x="4262705" y="6254408"/>
                </a:lnTo>
                <a:lnTo>
                  <a:pt x="4262705" y="6183107"/>
                </a:lnTo>
                <a:close/>
                <a:moveTo>
                  <a:pt x="4048731" y="6183107"/>
                </a:moveTo>
                <a:lnTo>
                  <a:pt x="4048731" y="6254408"/>
                </a:lnTo>
                <a:lnTo>
                  <a:pt x="4120032" y="6254408"/>
                </a:lnTo>
                <a:lnTo>
                  <a:pt x="4120032" y="6183107"/>
                </a:lnTo>
                <a:close/>
                <a:moveTo>
                  <a:pt x="3906059" y="6183107"/>
                </a:moveTo>
                <a:lnTo>
                  <a:pt x="3906059" y="6254408"/>
                </a:lnTo>
                <a:lnTo>
                  <a:pt x="3977360" y="6254408"/>
                </a:lnTo>
                <a:lnTo>
                  <a:pt x="3977360" y="6183107"/>
                </a:lnTo>
                <a:close/>
                <a:moveTo>
                  <a:pt x="3763457" y="6183107"/>
                </a:moveTo>
                <a:lnTo>
                  <a:pt x="3763457" y="6254408"/>
                </a:lnTo>
                <a:lnTo>
                  <a:pt x="3834758" y="6254408"/>
                </a:lnTo>
                <a:lnTo>
                  <a:pt x="3834758" y="6183107"/>
                </a:lnTo>
                <a:close/>
                <a:moveTo>
                  <a:pt x="3620784" y="6183107"/>
                </a:moveTo>
                <a:lnTo>
                  <a:pt x="3620784" y="6254408"/>
                </a:lnTo>
                <a:lnTo>
                  <a:pt x="3692085" y="6254408"/>
                </a:lnTo>
                <a:lnTo>
                  <a:pt x="3692085" y="6183107"/>
                </a:lnTo>
                <a:close/>
                <a:moveTo>
                  <a:pt x="3478184" y="6183107"/>
                </a:moveTo>
                <a:lnTo>
                  <a:pt x="3478184" y="6254408"/>
                </a:lnTo>
                <a:lnTo>
                  <a:pt x="3549484" y="6254408"/>
                </a:lnTo>
                <a:lnTo>
                  <a:pt x="3549484" y="6183107"/>
                </a:lnTo>
                <a:close/>
                <a:moveTo>
                  <a:pt x="3335511" y="6183107"/>
                </a:moveTo>
                <a:lnTo>
                  <a:pt x="3335511" y="6254408"/>
                </a:lnTo>
                <a:lnTo>
                  <a:pt x="3406811" y="6254408"/>
                </a:lnTo>
                <a:lnTo>
                  <a:pt x="3406811" y="6183107"/>
                </a:lnTo>
                <a:close/>
                <a:moveTo>
                  <a:pt x="3192839" y="6183107"/>
                </a:moveTo>
                <a:lnTo>
                  <a:pt x="3192839" y="6254408"/>
                </a:lnTo>
                <a:lnTo>
                  <a:pt x="3264139" y="6254408"/>
                </a:lnTo>
                <a:lnTo>
                  <a:pt x="3264139" y="6183107"/>
                </a:lnTo>
                <a:close/>
                <a:moveTo>
                  <a:pt x="3050237" y="6183107"/>
                </a:moveTo>
                <a:lnTo>
                  <a:pt x="3050237" y="6254408"/>
                </a:lnTo>
                <a:lnTo>
                  <a:pt x="3121537" y="6254408"/>
                </a:lnTo>
                <a:lnTo>
                  <a:pt x="3121537" y="6183107"/>
                </a:lnTo>
                <a:close/>
                <a:moveTo>
                  <a:pt x="2907564" y="6183107"/>
                </a:moveTo>
                <a:lnTo>
                  <a:pt x="2907564" y="6254408"/>
                </a:lnTo>
                <a:lnTo>
                  <a:pt x="2978865" y="6254408"/>
                </a:lnTo>
                <a:lnTo>
                  <a:pt x="2978865" y="6183107"/>
                </a:lnTo>
                <a:close/>
                <a:moveTo>
                  <a:pt x="2764962" y="6183107"/>
                </a:moveTo>
                <a:lnTo>
                  <a:pt x="2764962" y="6254408"/>
                </a:lnTo>
                <a:lnTo>
                  <a:pt x="2836263" y="6254408"/>
                </a:lnTo>
                <a:lnTo>
                  <a:pt x="2836263" y="6183107"/>
                </a:lnTo>
                <a:close/>
                <a:moveTo>
                  <a:pt x="2622291" y="6183107"/>
                </a:moveTo>
                <a:lnTo>
                  <a:pt x="2622291" y="6254408"/>
                </a:lnTo>
                <a:lnTo>
                  <a:pt x="2693591" y="6254408"/>
                </a:lnTo>
                <a:lnTo>
                  <a:pt x="2693591" y="6183107"/>
                </a:lnTo>
                <a:close/>
                <a:moveTo>
                  <a:pt x="2479688" y="6183107"/>
                </a:moveTo>
                <a:lnTo>
                  <a:pt x="2479688" y="6254408"/>
                </a:lnTo>
                <a:lnTo>
                  <a:pt x="2550990" y="6254408"/>
                </a:lnTo>
                <a:lnTo>
                  <a:pt x="2550990" y="6183107"/>
                </a:lnTo>
                <a:close/>
                <a:moveTo>
                  <a:pt x="2337016" y="6183107"/>
                </a:moveTo>
                <a:lnTo>
                  <a:pt x="2337016" y="6254408"/>
                </a:lnTo>
                <a:lnTo>
                  <a:pt x="2408317" y="6254408"/>
                </a:lnTo>
                <a:lnTo>
                  <a:pt x="2408317" y="6183107"/>
                </a:lnTo>
                <a:close/>
                <a:moveTo>
                  <a:pt x="2195429" y="6183107"/>
                </a:moveTo>
                <a:lnTo>
                  <a:pt x="2195429" y="6254408"/>
                </a:lnTo>
                <a:lnTo>
                  <a:pt x="2266731" y="6254408"/>
                </a:lnTo>
                <a:lnTo>
                  <a:pt x="2266731" y="6183107"/>
                </a:lnTo>
                <a:close/>
                <a:moveTo>
                  <a:pt x="2052828" y="6183107"/>
                </a:moveTo>
                <a:lnTo>
                  <a:pt x="2052828" y="6254408"/>
                </a:lnTo>
                <a:lnTo>
                  <a:pt x="2124128" y="6254408"/>
                </a:lnTo>
                <a:lnTo>
                  <a:pt x="2124128" y="6183107"/>
                </a:lnTo>
                <a:close/>
                <a:moveTo>
                  <a:pt x="1910155" y="6183107"/>
                </a:moveTo>
                <a:lnTo>
                  <a:pt x="1910155" y="6254408"/>
                </a:lnTo>
                <a:lnTo>
                  <a:pt x="1981455" y="6254408"/>
                </a:lnTo>
                <a:lnTo>
                  <a:pt x="1981455" y="6183107"/>
                </a:lnTo>
                <a:close/>
                <a:moveTo>
                  <a:pt x="1767483" y="6183107"/>
                </a:moveTo>
                <a:lnTo>
                  <a:pt x="1767483" y="6254408"/>
                </a:lnTo>
                <a:lnTo>
                  <a:pt x="1838783" y="6254408"/>
                </a:lnTo>
                <a:lnTo>
                  <a:pt x="1838783" y="6183107"/>
                </a:lnTo>
                <a:close/>
                <a:moveTo>
                  <a:pt x="1624882" y="6183107"/>
                </a:moveTo>
                <a:lnTo>
                  <a:pt x="1624882" y="6254408"/>
                </a:lnTo>
                <a:lnTo>
                  <a:pt x="1696183" y="6254408"/>
                </a:lnTo>
                <a:lnTo>
                  <a:pt x="1696183" y="6183107"/>
                </a:lnTo>
                <a:close/>
                <a:moveTo>
                  <a:pt x="1482215" y="6183107"/>
                </a:moveTo>
                <a:lnTo>
                  <a:pt x="1482215" y="6254408"/>
                </a:lnTo>
                <a:lnTo>
                  <a:pt x="1553511" y="6254408"/>
                </a:lnTo>
                <a:lnTo>
                  <a:pt x="1553511" y="6183107"/>
                </a:lnTo>
                <a:close/>
                <a:moveTo>
                  <a:pt x="1339621" y="6183107"/>
                </a:moveTo>
                <a:lnTo>
                  <a:pt x="1339621" y="6254408"/>
                </a:lnTo>
                <a:lnTo>
                  <a:pt x="1410920" y="6254408"/>
                </a:lnTo>
                <a:lnTo>
                  <a:pt x="1410920" y="6183107"/>
                </a:lnTo>
                <a:close/>
                <a:moveTo>
                  <a:pt x="1196948" y="6183107"/>
                </a:moveTo>
                <a:lnTo>
                  <a:pt x="1196948" y="6254408"/>
                </a:lnTo>
                <a:lnTo>
                  <a:pt x="1268245" y="6254408"/>
                </a:lnTo>
                <a:lnTo>
                  <a:pt x="1268245" y="6183107"/>
                </a:lnTo>
                <a:close/>
                <a:moveTo>
                  <a:pt x="1054277" y="6183107"/>
                </a:moveTo>
                <a:lnTo>
                  <a:pt x="1054277" y="6254408"/>
                </a:lnTo>
                <a:lnTo>
                  <a:pt x="1125575" y="6254408"/>
                </a:lnTo>
                <a:lnTo>
                  <a:pt x="1125575" y="6183107"/>
                </a:lnTo>
                <a:close/>
                <a:moveTo>
                  <a:pt x="911663" y="6183107"/>
                </a:moveTo>
                <a:lnTo>
                  <a:pt x="911663" y="6254408"/>
                </a:lnTo>
                <a:lnTo>
                  <a:pt x="982964" y="6254408"/>
                </a:lnTo>
                <a:lnTo>
                  <a:pt x="982964" y="6183107"/>
                </a:lnTo>
                <a:close/>
                <a:moveTo>
                  <a:pt x="769001" y="6183107"/>
                </a:moveTo>
                <a:lnTo>
                  <a:pt x="769001" y="6254408"/>
                </a:lnTo>
                <a:lnTo>
                  <a:pt x="840299" y="6254408"/>
                </a:lnTo>
                <a:lnTo>
                  <a:pt x="840299" y="6183107"/>
                </a:lnTo>
                <a:close/>
                <a:moveTo>
                  <a:pt x="7329490" y="6040435"/>
                </a:moveTo>
                <a:lnTo>
                  <a:pt x="7329490" y="6111736"/>
                </a:lnTo>
                <a:lnTo>
                  <a:pt x="7400791" y="6111736"/>
                </a:lnTo>
                <a:lnTo>
                  <a:pt x="7400791" y="6040435"/>
                </a:lnTo>
                <a:close/>
                <a:moveTo>
                  <a:pt x="7186888" y="6040435"/>
                </a:moveTo>
                <a:lnTo>
                  <a:pt x="7186888" y="6111736"/>
                </a:lnTo>
                <a:lnTo>
                  <a:pt x="7258188" y="6111736"/>
                </a:lnTo>
                <a:lnTo>
                  <a:pt x="7258188" y="6040435"/>
                </a:lnTo>
                <a:close/>
                <a:moveTo>
                  <a:pt x="7044216" y="6040435"/>
                </a:moveTo>
                <a:lnTo>
                  <a:pt x="7044216" y="6111736"/>
                </a:lnTo>
                <a:lnTo>
                  <a:pt x="7115517" y="6111736"/>
                </a:lnTo>
                <a:lnTo>
                  <a:pt x="7115517" y="6040435"/>
                </a:lnTo>
                <a:close/>
                <a:moveTo>
                  <a:pt x="6901543" y="6040435"/>
                </a:moveTo>
                <a:lnTo>
                  <a:pt x="6901543" y="6111736"/>
                </a:lnTo>
                <a:lnTo>
                  <a:pt x="6972844" y="6111736"/>
                </a:lnTo>
                <a:lnTo>
                  <a:pt x="6972844" y="6040435"/>
                </a:lnTo>
                <a:close/>
                <a:moveTo>
                  <a:pt x="6758942" y="6040435"/>
                </a:moveTo>
                <a:lnTo>
                  <a:pt x="6758942" y="6111736"/>
                </a:lnTo>
                <a:lnTo>
                  <a:pt x="6830242" y="6111736"/>
                </a:lnTo>
                <a:lnTo>
                  <a:pt x="6830242" y="6040435"/>
                </a:lnTo>
                <a:close/>
                <a:moveTo>
                  <a:pt x="6616269" y="6040435"/>
                </a:moveTo>
                <a:lnTo>
                  <a:pt x="6616269" y="6111736"/>
                </a:lnTo>
                <a:lnTo>
                  <a:pt x="6687570" y="6111736"/>
                </a:lnTo>
                <a:lnTo>
                  <a:pt x="6687570" y="6040435"/>
                </a:lnTo>
                <a:close/>
                <a:moveTo>
                  <a:pt x="6473667" y="6040435"/>
                </a:moveTo>
                <a:lnTo>
                  <a:pt x="6473667" y="6111736"/>
                </a:lnTo>
                <a:lnTo>
                  <a:pt x="6544968" y="6111736"/>
                </a:lnTo>
                <a:lnTo>
                  <a:pt x="6544968" y="6040435"/>
                </a:lnTo>
                <a:close/>
                <a:moveTo>
                  <a:pt x="6330995" y="6040435"/>
                </a:moveTo>
                <a:lnTo>
                  <a:pt x="6330995" y="6111736"/>
                </a:lnTo>
                <a:lnTo>
                  <a:pt x="6402296" y="6111736"/>
                </a:lnTo>
                <a:lnTo>
                  <a:pt x="6402296" y="6040435"/>
                </a:lnTo>
                <a:close/>
                <a:moveTo>
                  <a:pt x="6188393" y="6040435"/>
                </a:moveTo>
                <a:lnTo>
                  <a:pt x="6188393" y="6111736"/>
                </a:lnTo>
                <a:lnTo>
                  <a:pt x="6259694" y="6111736"/>
                </a:lnTo>
                <a:lnTo>
                  <a:pt x="6259694" y="6040435"/>
                </a:lnTo>
                <a:close/>
                <a:moveTo>
                  <a:pt x="6045721" y="6040435"/>
                </a:moveTo>
                <a:lnTo>
                  <a:pt x="6045721" y="6111736"/>
                </a:lnTo>
                <a:lnTo>
                  <a:pt x="6117021" y="6111736"/>
                </a:lnTo>
                <a:lnTo>
                  <a:pt x="6117021" y="6040435"/>
                </a:lnTo>
                <a:close/>
                <a:moveTo>
                  <a:pt x="5903048" y="6040435"/>
                </a:moveTo>
                <a:lnTo>
                  <a:pt x="5903048" y="6111736"/>
                </a:lnTo>
                <a:lnTo>
                  <a:pt x="5974349" y="6111736"/>
                </a:lnTo>
                <a:lnTo>
                  <a:pt x="5974349" y="6040435"/>
                </a:lnTo>
                <a:close/>
                <a:moveTo>
                  <a:pt x="5760447" y="6040435"/>
                </a:moveTo>
                <a:lnTo>
                  <a:pt x="5760447" y="6111736"/>
                </a:lnTo>
                <a:lnTo>
                  <a:pt x="5831748" y="6111736"/>
                </a:lnTo>
                <a:lnTo>
                  <a:pt x="5831748" y="6040435"/>
                </a:lnTo>
                <a:close/>
                <a:moveTo>
                  <a:pt x="5617774" y="6040435"/>
                </a:moveTo>
                <a:lnTo>
                  <a:pt x="5617774" y="6111736"/>
                </a:lnTo>
                <a:lnTo>
                  <a:pt x="5689075" y="6111736"/>
                </a:lnTo>
                <a:lnTo>
                  <a:pt x="5689075" y="6040435"/>
                </a:lnTo>
                <a:close/>
                <a:moveTo>
                  <a:pt x="5475173" y="6040435"/>
                </a:moveTo>
                <a:lnTo>
                  <a:pt x="5475173" y="6111736"/>
                </a:lnTo>
                <a:lnTo>
                  <a:pt x="5546474" y="6111736"/>
                </a:lnTo>
                <a:lnTo>
                  <a:pt x="5546474" y="6040435"/>
                </a:lnTo>
                <a:close/>
                <a:moveTo>
                  <a:pt x="5332500" y="6040435"/>
                </a:moveTo>
                <a:lnTo>
                  <a:pt x="5332500" y="6111736"/>
                </a:lnTo>
                <a:lnTo>
                  <a:pt x="5403801" y="6111736"/>
                </a:lnTo>
                <a:lnTo>
                  <a:pt x="5403801" y="6040435"/>
                </a:lnTo>
                <a:close/>
                <a:moveTo>
                  <a:pt x="5189828" y="6040435"/>
                </a:moveTo>
                <a:lnTo>
                  <a:pt x="5189828" y="6111736"/>
                </a:lnTo>
                <a:lnTo>
                  <a:pt x="5261129" y="6111736"/>
                </a:lnTo>
                <a:lnTo>
                  <a:pt x="5261129" y="6040435"/>
                </a:lnTo>
                <a:close/>
                <a:moveTo>
                  <a:pt x="5047226" y="6040435"/>
                </a:moveTo>
                <a:lnTo>
                  <a:pt x="5047226" y="6111736"/>
                </a:lnTo>
                <a:lnTo>
                  <a:pt x="5118527" y="6111736"/>
                </a:lnTo>
                <a:lnTo>
                  <a:pt x="5118527" y="6040435"/>
                </a:lnTo>
                <a:close/>
                <a:moveTo>
                  <a:pt x="4904553" y="6040435"/>
                </a:moveTo>
                <a:lnTo>
                  <a:pt x="4904553" y="6111736"/>
                </a:lnTo>
                <a:lnTo>
                  <a:pt x="4975854" y="6111736"/>
                </a:lnTo>
                <a:lnTo>
                  <a:pt x="4975854" y="6040435"/>
                </a:lnTo>
                <a:close/>
                <a:moveTo>
                  <a:pt x="4761952" y="6040435"/>
                </a:moveTo>
                <a:lnTo>
                  <a:pt x="4761952" y="6111736"/>
                </a:lnTo>
                <a:lnTo>
                  <a:pt x="4833253" y="6111736"/>
                </a:lnTo>
                <a:lnTo>
                  <a:pt x="4833253" y="6040435"/>
                </a:lnTo>
                <a:close/>
                <a:moveTo>
                  <a:pt x="4619279" y="6040435"/>
                </a:moveTo>
                <a:lnTo>
                  <a:pt x="4619279" y="6111736"/>
                </a:lnTo>
                <a:lnTo>
                  <a:pt x="4690580" y="6111736"/>
                </a:lnTo>
                <a:lnTo>
                  <a:pt x="4690580" y="6040435"/>
                </a:lnTo>
                <a:close/>
                <a:moveTo>
                  <a:pt x="4476678" y="6040435"/>
                </a:moveTo>
                <a:lnTo>
                  <a:pt x="4476678" y="6111736"/>
                </a:lnTo>
                <a:lnTo>
                  <a:pt x="4547979" y="6111736"/>
                </a:lnTo>
                <a:lnTo>
                  <a:pt x="4547979" y="6040435"/>
                </a:lnTo>
                <a:close/>
                <a:moveTo>
                  <a:pt x="4334005" y="6040435"/>
                </a:moveTo>
                <a:lnTo>
                  <a:pt x="4334005" y="6111736"/>
                </a:lnTo>
                <a:lnTo>
                  <a:pt x="4405306" y="6111736"/>
                </a:lnTo>
                <a:lnTo>
                  <a:pt x="4405306" y="6040435"/>
                </a:lnTo>
                <a:close/>
                <a:moveTo>
                  <a:pt x="4191404" y="6040435"/>
                </a:moveTo>
                <a:lnTo>
                  <a:pt x="4191404" y="6111736"/>
                </a:lnTo>
                <a:lnTo>
                  <a:pt x="4262705" y="6111736"/>
                </a:lnTo>
                <a:lnTo>
                  <a:pt x="4262705" y="6040435"/>
                </a:lnTo>
                <a:close/>
                <a:moveTo>
                  <a:pt x="4048731" y="6040435"/>
                </a:moveTo>
                <a:lnTo>
                  <a:pt x="4048731" y="6111736"/>
                </a:lnTo>
                <a:lnTo>
                  <a:pt x="4120032" y="6111736"/>
                </a:lnTo>
                <a:lnTo>
                  <a:pt x="4120032" y="6040435"/>
                </a:lnTo>
                <a:close/>
                <a:moveTo>
                  <a:pt x="3906059" y="6040435"/>
                </a:moveTo>
                <a:lnTo>
                  <a:pt x="3906059" y="6111736"/>
                </a:lnTo>
                <a:lnTo>
                  <a:pt x="3977360" y="6111736"/>
                </a:lnTo>
                <a:lnTo>
                  <a:pt x="3977360" y="6040435"/>
                </a:lnTo>
                <a:close/>
                <a:moveTo>
                  <a:pt x="3763457" y="6040435"/>
                </a:moveTo>
                <a:lnTo>
                  <a:pt x="3763457" y="6111736"/>
                </a:lnTo>
                <a:lnTo>
                  <a:pt x="3834758" y="6111736"/>
                </a:lnTo>
                <a:lnTo>
                  <a:pt x="3834758" y="6040435"/>
                </a:lnTo>
                <a:close/>
                <a:moveTo>
                  <a:pt x="3620784" y="6040435"/>
                </a:moveTo>
                <a:lnTo>
                  <a:pt x="3620784" y="6111736"/>
                </a:lnTo>
                <a:lnTo>
                  <a:pt x="3692085" y="6111736"/>
                </a:lnTo>
                <a:lnTo>
                  <a:pt x="3692085" y="6040435"/>
                </a:lnTo>
                <a:close/>
                <a:moveTo>
                  <a:pt x="3478184" y="6040435"/>
                </a:moveTo>
                <a:lnTo>
                  <a:pt x="3478184" y="6111736"/>
                </a:lnTo>
                <a:lnTo>
                  <a:pt x="3549484" y="6111736"/>
                </a:lnTo>
                <a:lnTo>
                  <a:pt x="3549484" y="6040435"/>
                </a:lnTo>
                <a:close/>
                <a:moveTo>
                  <a:pt x="3335511" y="6040435"/>
                </a:moveTo>
                <a:lnTo>
                  <a:pt x="3335511" y="6111736"/>
                </a:lnTo>
                <a:lnTo>
                  <a:pt x="3406811" y="6111736"/>
                </a:lnTo>
                <a:lnTo>
                  <a:pt x="3406811" y="6040435"/>
                </a:lnTo>
                <a:close/>
                <a:moveTo>
                  <a:pt x="3192839" y="6040435"/>
                </a:moveTo>
                <a:lnTo>
                  <a:pt x="3192839" y="6111736"/>
                </a:lnTo>
                <a:lnTo>
                  <a:pt x="3264139" y="6111736"/>
                </a:lnTo>
                <a:lnTo>
                  <a:pt x="3264139" y="6040435"/>
                </a:lnTo>
                <a:close/>
                <a:moveTo>
                  <a:pt x="3050237" y="6040435"/>
                </a:moveTo>
                <a:lnTo>
                  <a:pt x="3050237" y="6111736"/>
                </a:lnTo>
                <a:lnTo>
                  <a:pt x="3121537" y="6111736"/>
                </a:lnTo>
                <a:lnTo>
                  <a:pt x="3121537" y="6040435"/>
                </a:lnTo>
                <a:close/>
                <a:moveTo>
                  <a:pt x="2907564" y="6040435"/>
                </a:moveTo>
                <a:lnTo>
                  <a:pt x="2907564" y="6111736"/>
                </a:lnTo>
                <a:lnTo>
                  <a:pt x="2978865" y="6111736"/>
                </a:lnTo>
                <a:lnTo>
                  <a:pt x="2978865" y="6040435"/>
                </a:lnTo>
                <a:close/>
                <a:moveTo>
                  <a:pt x="2764962" y="6040435"/>
                </a:moveTo>
                <a:lnTo>
                  <a:pt x="2764962" y="6111736"/>
                </a:lnTo>
                <a:lnTo>
                  <a:pt x="2836263" y="6111736"/>
                </a:lnTo>
                <a:lnTo>
                  <a:pt x="2836263" y="6040435"/>
                </a:lnTo>
                <a:close/>
                <a:moveTo>
                  <a:pt x="2622291" y="6040435"/>
                </a:moveTo>
                <a:lnTo>
                  <a:pt x="2622291" y="6111736"/>
                </a:lnTo>
                <a:lnTo>
                  <a:pt x="2693591" y="6111736"/>
                </a:lnTo>
                <a:lnTo>
                  <a:pt x="2693591" y="6040435"/>
                </a:lnTo>
                <a:close/>
                <a:moveTo>
                  <a:pt x="2479688" y="6040435"/>
                </a:moveTo>
                <a:lnTo>
                  <a:pt x="2479688" y="6111736"/>
                </a:lnTo>
                <a:lnTo>
                  <a:pt x="2550990" y="6111736"/>
                </a:lnTo>
                <a:lnTo>
                  <a:pt x="2550990" y="6040435"/>
                </a:lnTo>
                <a:close/>
                <a:moveTo>
                  <a:pt x="2337016" y="6040435"/>
                </a:moveTo>
                <a:lnTo>
                  <a:pt x="2337016" y="6111736"/>
                </a:lnTo>
                <a:lnTo>
                  <a:pt x="2408317" y="6111736"/>
                </a:lnTo>
                <a:lnTo>
                  <a:pt x="2408317" y="6040435"/>
                </a:lnTo>
                <a:close/>
                <a:moveTo>
                  <a:pt x="2195429" y="6040435"/>
                </a:moveTo>
                <a:lnTo>
                  <a:pt x="2195429" y="6111736"/>
                </a:lnTo>
                <a:lnTo>
                  <a:pt x="2266731" y="6111736"/>
                </a:lnTo>
                <a:lnTo>
                  <a:pt x="2266731" y="6040435"/>
                </a:lnTo>
                <a:close/>
                <a:moveTo>
                  <a:pt x="2052828" y="6040435"/>
                </a:moveTo>
                <a:lnTo>
                  <a:pt x="2052828" y="6111736"/>
                </a:lnTo>
                <a:lnTo>
                  <a:pt x="2124128" y="6111736"/>
                </a:lnTo>
                <a:lnTo>
                  <a:pt x="2124128" y="6040435"/>
                </a:lnTo>
                <a:close/>
                <a:moveTo>
                  <a:pt x="1910155" y="6040435"/>
                </a:moveTo>
                <a:lnTo>
                  <a:pt x="1910155" y="6111736"/>
                </a:lnTo>
                <a:lnTo>
                  <a:pt x="1981455" y="6111736"/>
                </a:lnTo>
                <a:lnTo>
                  <a:pt x="1981455" y="6040435"/>
                </a:lnTo>
                <a:close/>
                <a:moveTo>
                  <a:pt x="1767483" y="6040435"/>
                </a:moveTo>
                <a:lnTo>
                  <a:pt x="1767483" y="6111736"/>
                </a:lnTo>
                <a:lnTo>
                  <a:pt x="1838783" y="6111736"/>
                </a:lnTo>
                <a:lnTo>
                  <a:pt x="1838783" y="6040435"/>
                </a:lnTo>
                <a:close/>
                <a:moveTo>
                  <a:pt x="1624882" y="6040435"/>
                </a:moveTo>
                <a:lnTo>
                  <a:pt x="1624882" y="6111736"/>
                </a:lnTo>
                <a:lnTo>
                  <a:pt x="1696183" y="6111736"/>
                </a:lnTo>
                <a:lnTo>
                  <a:pt x="1696183" y="6040435"/>
                </a:lnTo>
                <a:close/>
                <a:moveTo>
                  <a:pt x="1482218" y="6040435"/>
                </a:moveTo>
                <a:lnTo>
                  <a:pt x="1482218" y="6111736"/>
                </a:lnTo>
                <a:lnTo>
                  <a:pt x="1553511" y="6111736"/>
                </a:lnTo>
                <a:lnTo>
                  <a:pt x="1553511" y="6040435"/>
                </a:lnTo>
                <a:close/>
                <a:moveTo>
                  <a:pt x="1339621" y="6040435"/>
                </a:moveTo>
                <a:lnTo>
                  <a:pt x="1339621" y="6111736"/>
                </a:lnTo>
                <a:lnTo>
                  <a:pt x="1410920" y="6111736"/>
                </a:lnTo>
                <a:lnTo>
                  <a:pt x="1410920" y="6040435"/>
                </a:lnTo>
                <a:close/>
                <a:moveTo>
                  <a:pt x="1196948" y="6040435"/>
                </a:moveTo>
                <a:lnTo>
                  <a:pt x="1196948" y="6111736"/>
                </a:lnTo>
                <a:lnTo>
                  <a:pt x="1268245" y="6111736"/>
                </a:lnTo>
                <a:lnTo>
                  <a:pt x="1268245" y="6040435"/>
                </a:lnTo>
                <a:close/>
                <a:moveTo>
                  <a:pt x="1054277" y="6040435"/>
                </a:moveTo>
                <a:lnTo>
                  <a:pt x="1054277" y="6111736"/>
                </a:lnTo>
                <a:lnTo>
                  <a:pt x="1125575" y="6111736"/>
                </a:lnTo>
                <a:lnTo>
                  <a:pt x="1125575" y="6040435"/>
                </a:lnTo>
                <a:close/>
                <a:moveTo>
                  <a:pt x="911663" y="6040435"/>
                </a:moveTo>
                <a:lnTo>
                  <a:pt x="911663" y="6111736"/>
                </a:lnTo>
                <a:lnTo>
                  <a:pt x="982964" y="6111736"/>
                </a:lnTo>
                <a:lnTo>
                  <a:pt x="982964" y="6040435"/>
                </a:lnTo>
                <a:close/>
                <a:moveTo>
                  <a:pt x="6857645" y="0"/>
                </a:moveTo>
                <a:lnTo>
                  <a:pt x="9497977" y="0"/>
                </a:lnTo>
                <a:lnTo>
                  <a:pt x="9497977" y="6857968"/>
                </a:lnTo>
                <a:lnTo>
                  <a:pt x="0" y="6857968"/>
                </a:lnTo>
                <a:lnTo>
                  <a:pt x="341118" y="6516838"/>
                </a:lnTo>
                <a:lnTo>
                  <a:pt x="341118" y="6545648"/>
                </a:lnTo>
                <a:lnTo>
                  <a:pt x="412416" y="6545648"/>
                </a:lnTo>
                <a:lnTo>
                  <a:pt x="412416" y="6474347"/>
                </a:lnTo>
                <a:lnTo>
                  <a:pt x="383607" y="6474347"/>
                </a:lnTo>
                <a:lnTo>
                  <a:pt x="483718" y="6374231"/>
                </a:lnTo>
                <a:lnTo>
                  <a:pt x="483718" y="6397010"/>
                </a:lnTo>
                <a:lnTo>
                  <a:pt x="555020" y="6397010"/>
                </a:lnTo>
                <a:lnTo>
                  <a:pt x="555020" y="6325709"/>
                </a:lnTo>
                <a:lnTo>
                  <a:pt x="532239" y="6325709"/>
                </a:lnTo>
                <a:lnTo>
                  <a:pt x="626392" y="6231552"/>
                </a:lnTo>
                <a:lnTo>
                  <a:pt x="626392" y="6254408"/>
                </a:lnTo>
                <a:lnTo>
                  <a:pt x="697691" y="6254408"/>
                </a:lnTo>
                <a:lnTo>
                  <a:pt x="697691" y="6183107"/>
                </a:lnTo>
                <a:lnTo>
                  <a:pt x="674833" y="6183107"/>
                </a:lnTo>
                <a:lnTo>
                  <a:pt x="769001" y="6088935"/>
                </a:lnTo>
                <a:lnTo>
                  <a:pt x="769001" y="6111736"/>
                </a:lnTo>
                <a:lnTo>
                  <a:pt x="840303" y="6111736"/>
                </a:lnTo>
                <a:lnTo>
                  <a:pt x="840303" y="6040435"/>
                </a:lnTo>
                <a:lnTo>
                  <a:pt x="817496" y="6040435"/>
                </a:lnTo>
                <a:close/>
              </a:path>
            </a:pathLst>
          </a:custGeom>
          <a:solidFill>
            <a:srgbClr val="0C2074">
              <a:alpha val="12941"/>
            </a:srgbClr>
          </a:solidFill>
          <a:ln>
            <a:noFill/>
          </a:ln>
        </p:spPr>
        <p:txBody>
          <a:bodyPr wrap="square">
            <a:noAutofit/>
          </a:bodyPr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  <p:sp>
        <p:nvSpPr>
          <p:cNvPr id="2" name="Titel 1">
            <a:extLst>
              <a:ext uri="{FF2B5EF4-FFF2-40B4-BE49-F238E27FC236}">
                <a16:creationId xmlns:a16="http://schemas.microsoft.com/office/drawing/2014/main" id="{4E5C8C94-6483-5F44-A214-6BBE58E30B33}"/>
              </a:ext>
            </a:extLst>
          </p:cNvPr>
          <p:cNvSpPr>
            <a:spLocks noGrp="1"/>
          </p:cNvSpPr>
          <p:nvPr>
            <p:ph type="ctrTitle" hasCustomPrompt="1"/>
          </p:nvPr>
        </p:nvSpPr>
        <p:spPr>
          <a:xfrm>
            <a:off x="631825" y="313067"/>
            <a:ext cx="9531678" cy="2387600"/>
          </a:xfrm>
        </p:spPr>
        <p:txBody>
          <a:bodyPr anchor="b">
            <a:noAutofit/>
          </a:bodyPr>
          <a:lstStyle>
            <a:lvl1pPr algn="l">
              <a:defRPr sz="6000">
                <a:solidFill>
                  <a:schemeClr val="accent1"/>
                </a:solidFill>
              </a:defRPr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D28D2045-79CC-614D-BA13-696E7AAAEE4A}"/>
              </a:ext>
            </a:extLst>
          </p:cNvPr>
          <p:cNvSpPr>
            <a:spLocks noGrp="1"/>
          </p:cNvSpPr>
          <p:nvPr>
            <p:ph type="subTitle" idx="1" hasCustomPrompt="1"/>
          </p:nvPr>
        </p:nvSpPr>
        <p:spPr>
          <a:xfrm>
            <a:off x="631825" y="2876824"/>
            <a:ext cx="9531678" cy="165576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9" name="Freeform: Shape 28">
            <a:extLst>
              <a:ext uri="{FF2B5EF4-FFF2-40B4-BE49-F238E27FC236}">
                <a16:creationId xmlns:a16="http://schemas.microsoft.com/office/drawing/2014/main" id="{7CFB27A8-9C4A-461D-9970-77857B17D290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0" name="Freeform: Shape 29">
            <a:extLst>
              <a:ext uri="{FF2B5EF4-FFF2-40B4-BE49-F238E27FC236}">
                <a16:creationId xmlns:a16="http://schemas.microsoft.com/office/drawing/2014/main" id="{DB080469-7312-4D9A-97F8-76CC0D697DCA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1" name="Freeform: Shape 30">
            <a:extLst>
              <a:ext uri="{FF2B5EF4-FFF2-40B4-BE49-F238E27FC236}">
                <a16:creationId xmlns:a16="http://schemas.microsoft.com/office/drawing/2014/main" id="{1917E6CC-D4C4-4A9E-961D-0B948335C1D5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2" name="Freeform: Shape 31">
            <a:extLst>
              <a:ext uri="{FF2B5EF4-FFF2-40B4-BE49-F238E27FC236}">
                <a16:creationId xmlns:a16="http://schemas.microsoft.com/office/drawing/2014/main" id="{E0CC0964-109E-4724-9CBD-9C5E8E1259E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3" name="Freeform: Shape 32">
            <a:extLst>
              <a:ext uri="{FF2B5EF4-FFF2-40B4-BE49-F238E27FC236}">
                <a16:creationId xmlns:a16="http://schemas.microsoft.com/office/drawing/2014/main" id="{BAA75C3C-7293-4F05-A284-5A879C55898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4" name="Freeform: Shape 33">
            <a:extLst>
              <a:ext uri="{FF2B5EF4-FFF2-40B4-BE49-F238E27FC236}">
                <a16:creationId xmlns:a16="http://schemas.microsoft.com/office/drawing/2014/main" id="{32BC5C39-F12F-4182-BF69-2195D6B83D8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5" name="Freeform: Shape 34">
            <a:extLst>
              <a:ext uri="{FF2B5EF4-FFF2-40B4-BE49-F238E27FC236}">
                <a16:creationId xmlns:a16="http://schemas.microsoft.com/office/drawing/2014/main" id="{E586304D-0D32-4355-AFB8-EE1B95429126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6" name="Freeform: Shape 35">
            <a:extLst>
              <a:ext uri="{FF2B5EF4-FFF2-40B4-BE49-F238E27FC236}">
                <a16:creationId xmlns:a16="http://schemas.microsoft.com/office/drawing/2014/main" id="{E46081E0-F5F3-471B-BD58-FAE737F9B87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7" name="Freeform: Shape 36">
            <a:extLst>
              <a:ext uri="{FF2B5EF4-FFF2-40B4-BE49-F238E27FC236}">
                <a16:creationId xmlns:a16="http://schemas.microsoft.com/office/drawing/2014/main" id="{4977F8C8-F8D3-467D-ADC4-D72F1CD86B0D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38" name="Freeform: Shape 37">
            <a:extLst>
              <a:ext uri="{FF2B5EF4-FFF2-40B4-BE49-F238E27FC236}">
                <a16:creationId xmlns:a16="http://schemas.microsoft.com/office/drawing/2014/main" id="{ADF03386-67A2-4DA1-933B-68ACD7DB7263}"/>
              </a:ext>
            </a:extLst>
          </p:cNvPr>
          <p:cNvSpPr/>
          <p:nvPr/>
        </p:nvSpPr>
        <p:spPr>
          <a:xfrm>
            <a:off x="7169518" y="-345714"/>
            <a:ext cx="7101" cy="7101"/>
          </a:xfrm>
          <a:custGeom>
            <a:avLst/>
            <a:gdLst/>
            <a:ahLst/>
            <a:cxnLst/>
            <a:rect l="l" t="t" r="r" b="b"/>
            <a:pathLst>
              <a:path w="7101" h="7101"/>
            </a:pathLst>
          </a:custGeom>
          <a:noFill/>
          <a:ln w="24686" cap="flat">
            <a:solidFill>
              <a:srgbClr val="85D1EC"/>
            </a:solidFill>
            <a:prstDash val="solid"/>
            <a:miter/>
          </a:ln>
        </p:spPr>
        <p:txBody>
          <a:bodyPr rtlCol="0" anchor="ctr"/>
          <a:lstStyle/>
          <a:p>
            <a:endParaRPr lang="en-US"/>
          </a:p>
        </p:txBody>
      </p:sp>
      <p:sp>
        <p:nvSpPr>
          <p:cNvPr id="19" name="Date Placeholder 3">
            <a:extLst>
              <a:ext uri="{FF2B5EF4-FFF2-40B4-BE49-F238E27FC236}">
                <a16:creationId xmlns:a16="http://schemas.microsoft.com/office/drawing/2014/main" id="{29DD2B6B-C0F3-41B0-A2D9-6E3EF76A5C8A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4FC09DFC-B8F8-4958-9D34-83C08EAA181D}" type="datetime1">
              <a:rPr lang="en-GB" smtClean="0"/>
              <a:t>17/04/2023</a:t>
            </a:fld>
            <a:endParaRPr lang="en-GB"/>
          </a:p>
        </p:txBody>
      </p:sp>
      <p:sp>
        <p:nvSpPr>
          <p:cNvPr id="20" name="Footer Placeholder 4">
            <a:extLst>
              <a:ext uri="{FF2B5EF4-FFF2-40B4-BE49-F238E27FC236}">
                <a16:creationId xmlns:a16="http://schemas.microsoft.com/office/drawing/2014/main" id="{F758635A-2F43-40A4-AC11-905BFDC316D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21" name="Slide Number Placeholder 5">
            <a:extLst>
              <a:ext uri="{FF2B5EF4-FFF2-40B4-BE49-F238E27FC236}">
                <a16:creationId xmlns:a16="http://schemas.microsoft.com/office/drawing/2014/main" id="{E68BCCDE-037F-4221-9C3C-8648B1A6C14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446" name="Text Placeholder 2059">
            <a:extLst>
              <a:ext uri="{FF2B5EF4-FFF2-40B4-BE49-F238E27FC236}">
                <a16:creationId xmlns:a16="http://schemas.microsoft.com/office/drawing/2014/main" id="{B4005224-3F47-4576-9D58-87DDA0FD3DB5}"/>
              </a:ext>
            </a:extLst>
          </p:cNvPr>
          <p:cNvSpPr>
            <a:spLocks noGrp="1"/>
          </p:cNvSpPr>
          <p:nvPr>
            <p:ph type="body" sz="quarter" idx="15" hasCustomPrompt="1"/>
          </p:nvPr>
        </p:nvSpPr>
        <p:spPr>
          <a:xfrm>
            <a:off x="10318971" y="6026149"/>
            <a:ext cx="1566642" cy="617539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936893396"/>
      </p:ext>
    </p:extLst>
  </p:cSld>
  <p:clrMapOvr>
    <a:masterClrMapping/>
  </p:clrMapOvr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el en object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Ondertitel 2">
            <a:extLst>
              <a:ext uri="{FF2B5EF4-FFF2-40B4-BE49-F238E27FC236}">
                <a16:creationId xmlns:a16="http://schemas.microsoft.com/office/drawing/2014/main" id="{B8455A8C-1151-45FD-BC04-D6EFE9E66F6A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2" name="Tijdelijke aanduiding voor inhoud 2">
            <a:extLst>
              <a:ext uri="{FF2B5EF4-FFF2-40B4-BE49-F238E27FC236}">
                <a16:creationId xmlns:a16="http://schemas.microsoft.com/office/drawing/2014/main" id="{8B00E604-4B97-4510-A3F5-5F4967D4D269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631825" y="1825626"/>
            <a:ext cx="10209212" cy="4032250"/>
          </a:xfrm>
        </p:spPr>
        <p:txBody>
          <a:bodyPr/>
          <a:lstStyle>
            <a:lvl1pPr>
              <a:defRPr sz="1400"/>
            </a:lvl1pPr>
          </a:lstStyle>
          <a:p>
            <a:pPr lvl="0"/>
            <a:endParaRPr lang="nl-NL"/>
          </a:p>
        </p:txBody>
      </p:sp>
      <p:sp>
        <p:nvSpPr>
          <p:cNvPr id="23" name="Title 22">
            <a:extLst>
              <a:ext uri="{FF2B5EF4-FFF2-40B4-BE49-F238E27FC236}">
                <a16:creationId xmlns:a16="http://schemas.microsoft.com/office/drawing/2014/main" id="{680762F9-45DE-418E-9F0E-4E555F12BFE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title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0DF9CAEF-4AC1-482E-A28C-4BD4EF23823E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t>17/04/2023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793A717A-0D90-431C-BCD3-A6ECA053C00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542E7448-FA38-460E-A530-78699A84B1D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8699478"/>
      </p:ext>
    </p:extLst>
  </p:cSld>
  <p:clrMapOvr>
    <a:masterClrMapping/>
  </p:clrMapOvr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houd van twee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CC9813C8-B51D-6841-B87E-E5EC608D4974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631826" y="1825625"/>
            <a:ext cx="5028440" cy="4032249"/>
          </a:xfrm>
        </p:spPr>
        <p:txBody>
          <a:bodyPr/>
          <a:lstStyle>
            <a:lvl1pPr>
              <a:defRPr sz="1400"/>
            </a:lvl1pPr>
          </a:lstStyle>
          <a:p>
            <a:pPr lvl="0"/>
            <a:endParaRPr lang="nl-NL"/>
          </a:p>
        </p:txBody>
      </p:sp>
      <p:sp>
        <p:nvSpPr>
          <p:cNvPr id="4" name="Tijdelijke aanduiding voor inhoud 3">
            <a:extLst>
              <a:ext uri="{FF2B5EF4-FFF2-40B4-BE49-F238E27FC236}">
                <a16:creationId xmlns:a16="http://schemas.microsoft.com/office/drawing/2014/main" id="{94CED3C7-DD9C-C945-8B8C-FF0FF6605954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596" y="1825625"/>
            <a:ext cx="5028440" cy="4032249"/>
          </a:xfrm>
        </p:spPr>
        <p:txBody>
          <a:bodyPr/>
          <a:lstStyle>
            <a:lvl1pPr>
              <a:defRPr sz="1400"/>
            </a:lvl1pPr>
          </a:lstStyle>
          <a:p>
            <a:pPr lvl="0"/>
            <a:endParaRPr lang="nl-NL"/>
          </a:p>
        </p:txBody>
      </p:sp>
      <p:sp>
        <p:nvSpPr>
          <p:cNvPr id="17" name="Ondertitel 2">
            <a:extLst>
              <a:ext uri="{FF2B5EF4-FFF2-40B4-BE49-F238E27FC236}">
                <a16:creationId xmlns:a16="http://schemas.microsoft.com/office/drawing/2014/main" id="{71108092-E756-4BC4-9CC5-DA455C29F3D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21" name="Title 20">
            <a:extLst>
              <a:ext uri="{FF2B5EF4-FFF2-40B4-BE49-F238E27FC236}">
                <a16:creationId xmlns:a16="http://schemas.microsoft.com/office/drawing/2014/main" id="{B3D560FF-5751-4CD7-9FBE-4F699E3F600A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title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0909B7A-1D5F-494A-9AF4-DA96E477342A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419E983A-F637-4B28-93FD-EAEA0BE524AF}" type="datetime1">
              <a:rPr lang="en-GB" smtClean="0"/>
              <a:t>17/04/2023</a:t>
            </a:fld>
            <a:endParaRPr lang="en-GB"/>
          </a:p>
        </p:txBody>
      </p:sp>
      <p:sp>
        <p:nvSpPr>
          <p:cNvPr id="5" name="Footer Placeholder 4">
            <a:extLst>
              <a:ext uri="{FF2B5EF4-FFF2-40B4-BE49-F238E27FC236}">
                <a16:creationId xmlns:a16="http://schemas.microsoft.com/office/drawing/2014/main" id="{6D8B29D4-7C46-4976-BE03-791E20F96459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3714B727-1874-4DDC-BEDE-7D2DFAF07B96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616688732"/>
      </p:ext>
    </p:extLst>
  </p:cSld>
  <p:clrMapOvr>
    <a:masterClrMapping/>
  </p:clrMapOvr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Inhoud met bijschrift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>
            <a:extLst>
              <a:ext uri="{FF2B5EF4-FFF2-40B4-BE49-F238E27FC236}">
                <a16:creationId xmlns:a16="http://schemas.microsoft.com/office/drawing/2014/main" id="{4DA1C1E5-AE8F-DC45-9C52-75D68F11C680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3" name="Tijdelijke aanduiding voor inhoud 2">
            <a:extLst>
              <a:ext uri="{FF2B5EF4-FFF2-40B4-BE49-F238E27FC236}">
                <a16:creationId xmlns:a16="http://schemas.microsoft.com/office/drawing/2014/main" id="{6734FE2C-A4A1-E141-9EF8-52CAE1D6E82C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5183188" y="457201"/>
            <a:ext cx="5657848" cy="5403850"/>
          </a:xfrm>
        </p:spPr>
        <p:txBody>
          <a:bodyPr/>
          <a:lstStyle>
            <a:lvl1pPr>
              <a:defRPr sz="2400"/>
            </a:lvl1pPr>
            <a:lvl2pPr>
              <a:defRPr sz="2800"/>
            </a:lvl2pPr>
            <a:lvl3pPr>
              <a:defRPr sz="2400"/>
            </a:lvl3pPr>
            <a:lvl4pPr>
              <a:defRPr sz="2000"/>
            </a:lvl4pPr>
            <a:lvl5pPr>
              <a:defRPr sz="2000"/>
            </a:lvl5pPr>
            <a:lvl6pPr>
              <a:defRPr sz="2000"/>
            </a:lvl6pPr>
            <a:lvl7pPr>
              <a:defRPr sz="2000"/>
            </a:lvl7pPr>
            <a:lvl8pPr>
              <a:defRPr sz="2000"/>
            </a:lvl8pPr>
            <a:lvl9pPr>
              <a:defRPr sz="2000"/>
            </a:lvl9pPr>
          </a:lstStyle>
          <a:p>
            <a:pPr lvl="0"/>
            <a:endParaRPr lang="nl-NL"/>
          </a:p>
        </p:txBody>
      </p:sp>
      <p:sp>
        <p:nvSpPr>
          <p:cNvPr id="4" name="Tijdelijke aanduiding voor tekst 3">
            <a:extLst>
              <a:ext uri="{FF2B5EF4-FFF2-40B4-BE49-F238E27FC236}">
                <a16:creationId xmlns:a16="http://schemas.microsoft.com/office/drawing/2014/main" id="{0B76EFB3-341C-CF4E-B80E-C7D189998828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400"/>
            </a:lvl2pPr>
            <a:lvl3pPr marL="914400" indent="0">
              <a:buNone/>
              <a:defRPr sz="1200"/>
            </a:lvl3pPr>
            <a:lvl4pPr marL="1371600" indent="0">
              <a:buNone/>
              <a:defRPr sz="1000"/>
            </a:lvl4pPr>
            <a:lvl5pPr marL="1828800" indent="0">
              <a:buNone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/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A9C65F25-4CB7-4E4B-A45E-8A3D75577FB4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BF8827-6856-4A09-A018-24359788D71A}" type="datetime1">
              <a:rPr lang="en-GB" smtClean="0"/>
              <a:t>17/04/2023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849A3D27-F97D-4584-A9E9-50DBA9BB97F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88E0355-D002-4FB1-8315-EB2FFE03661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79928874"/>
      </p:ext>
    </p:extLst>
  </p:cSld>
  <p:clrMapOvr>
    <a:masterClrMapping/>
  </p:clrMapOvr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fbeelding met bijschrift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jdelijke aanduiding voor afbeelding 2">
            <a:extLst>
              <a:ext uri="{FF2B5EF4-FFF2-40B4-BE49-F238E27FC236}">
                <a16:creationId xmlns:a16="http://schemas.microsoft.com/office/drawing/2014/main" id="{D6022EB0-2AEA-8742-BA74-F7C05DA91ACD}"/>
              </a:ext>
            </a:extLst>
          </p:cNvPr>
          <p:cNvSpPr>
            <a:spLocks noGrp="1"/>
          </p:cNvSpPr>
          <p:nvPr>
            <p:ph type="pic" idx="1"/>
          </p:nvPr>
        </p:nvSpPr>
        <p:spPr>
          <a:xfrm>
            <a:off x="5183188" y="457201"/>
            <a:ext cx="5657848" cy="5403850"/>
          </a:xfrm>
        </p:spPr>
        <p:txBody>
          <a:bodyPr rtlCol="0">
            <a:normAutofit/>
          </a:bodyPr>
          <a:lstStyle>
            <a:lvl1pPr marL="0" indent="0">
              <a:buNone/>
              <a:defRPr sz="24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lvl="0"/>
            <a:endParaRPr lang="nl-NL" noProof="0"/>
          </a:p>
        </p:txBody>
      </p:sp>
      <p:sp>
        <p:nvSpPr>
          <p:cNvPr id="13" name="Titel 1">
            <a:extLst>
              <a:ext uri="{FF2B5EF4-FFF2-40B4-BE49-F238E27FC236}">
                <a16:creationId xmlns:a16="http://schemas.microsoft.com/office/drawing/2014/main" id="{DE2EBB02-DACF-47B5-8F5E-12EDE3F830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631826" y="457200"/>
            <a:ext cx="4140200" cy="1600200"/>
          </a:xfrm>
        </p:spPr>
        <p:txBody>
          <a:bodyPr anchor="b">
            <a:normAutofit/>
          </a:bodyPr>
          <a:lstStyle>
            <a:lvl1pPr>
              <a:defRPr sz="4000"/>
            </a:lvl1pPr>
          </a:lstStyle>
          <a:p>
            <a:r>
              <a:rPr lang="nl-NL"/>
              <a:t>Voeg titel toe</a:t>
            </a:r>
          </a:p>
        </p:txBody>
      </p:sp>
      <p:sp>
        <p:nvSpPr>
          <p:cNvPr id="14" name="Tijdelijke aanduiding voor tekst 3">
            <a:extLst>
              <a:ext uri="{FF2B5EF4-FFF2-40B4-BE49-F238E27FC236}">
                <a16:creationId xmlns:a16="http://schemas.microsoft.com/office/drawing/2014/main" id="{1440C125-C510-4962-806C-38C93CA43877}"/>
              </a:ext>
            </a:extLst>
          </p:cNvPr>
          <p:cNvSpPr>
            <a:spLocks noGrp="1"/>
          </p:cNvSpPr>
          <p:nvPr>
            <p:ph type="body" sz="half" idx="2"/>
          </p:nvPr>
        </p:nvSpPr>
        <p:spPr>
          <a:xfrm>
            <a:off x="631826" y="2057400"/>
            <a:ext cx="4140199" cy="3811588"/>
          </a:xfrm>
        </p:spPr>
        <p:txBody>
          <a:bodyPr/>
          <a:lstStyle>
            <a:lvl1pPr marL="285750" indent="-285750">
              <a:buFont typeface="Arial" panose="020B0604020202020204" pitchFamily="34" charset="0"/>
              <a:buChar char="•"/>
              <a:defRPr sz="1400"/>
            </a:lvl1pPr>
            <a:lvl2pPr marL="742950" indent="-285750">
              <a:buFont typeface="Arial" panose="020B0604020202020204" pitchFamily="34" charset="0"/>
              <a:buChar char="•"/>
              <a:defRPr sz="1400"/>
            </a:lvl2pPr>
            <a:lvl3pPr marL="1085850" indent="-171450">
              <a:buFont typeface="Arial" panose="020B0604020202020204" pitchFamily="34" charset="0"/>
              <a:buChar char="•"/>
              <a:defRPr sz="1200"/>
            </a:lvl3pPr>
            <a:lvl4pPr marL="1543050" indent="-171450">
              <a:buFont typeface="Arial" panose="020B0604020202020204" pitchFamily="34" charset="0"/>
              <a:buChar char="•"/>
              <a:defRPr sz="1000"/>
            </a:lvl4pPr>
            <a:lvl5pPr marL="2000250" indent="-171450">
              <a:buFont typeface="Arial" panose="020B0604020202020204" pitchFamily="34" charset="0"/>
              <a:buChar char="•"/>
              <a:defRPr sz="1000"/>
            </a:lvl5pPr>
            <a:lvl6pPr marL="2286000" indent="0">
              <a:buNone/>
              <a:defRPr sz="1000"/>
            </a:lvl6pPr>
            <a:lvl7pPr marL="2743200" indent="0">
              <a:buNone/>
              <a:defRPr sz="1000"/>
            </a:lvl7pPr>
            <a:lvl8pPr marL="3200400" indent="0">
              <a:buNone/>
              <a:defRPr sz="1000"/>
            </a:lvl8pPr>
            <a:lvl9pPr marL="3657600" indent="0">
              <a:buNone/>
              <a:defRPr sz="1000"/>
            </a:lvl9pPr>
          </a:lstStyle>
          <a:p>
            <a:pPr lvl="0"/>
            <a:endParaRPr lang="nl-NL"/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8788018A-7690-4347-A6B0-BE896BA4FC4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fld id="{8D2B81A2-5B81-4A11-B009-4CA1936816F2}" type="datetime1">
              <a:rPr lang="en-GB" smtClean="0"/>
              <a:t>17/04/2023</a:t>
            </a:fld>
            <a:endParaRPr lang="en-GB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6DFFF564-B1E9-4D03-93E7-8C506DB6066A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56E40684-790F-46B4-BC70-725A912348F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523203788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en inhoud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nl-NL" noProof="0"/>
              <a:t>Klik om stijl te bewerken</a:t>
            </a:r>
            <a:endParaRPr lang="nl-NL" noProof="0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/>
        <p:txBody>
          <a:bodyPr rtlCol="0"/>
          <a:lstStyle/>
          <a:p>
            <a:pPr lvl="0" rtl="0"/>
            <a:r>
              <a:rPr lang="nl-NL" noProof="0"/>
              <a:t>Klikken om de tekststijl van het model te bewerken</a:t>
            </a:r>
          </a:p>
          <a:p>
            <a:pPr lvl="1" rtl="0"/>
            <a:r>
              <a:rPr lang="nl-NL" noProof="0"/>
              <a:t>Tweede niveau</a:t>
            </a:r>
          </a:p>
          <a:p>
            <a:pPr lvl="2" rtl="0"/>
            <a:r>
              <a:rPr lang="nl-NL" noProof="0"/>
              <a:t>Derde niveau</a:t>
            </a:r>
          </a:p>
          <a:p>
            <a:pPr lvl="3" rtl="0"/>
            <a:r>
              <a:rPr lang="nl-NL" noProof="0"/>
              <a:t>Vierde niveau</a:t>
            </a:r>
          </a:p>
          <a:p>
            <a:pPr lvl="4" rtl="0"/>
            <a:r>
              <a:rPr lang="nl-NL" noProof="0"/>
              <a:t>Vijfde niveau</a:t>
            </a:r>
            <a:endParaRPr lang="nl-NL" noProof="0" dirty="0"/>
          </a:p>
        </p:txBody>
      </p: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354D8B55-9EA8-4B81-8E84-9B93B0A27559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fld id="{7678AA31-385E-486D-A654-59401A2A3B5E}" type="datetime1">
              <a:rPr lang="en-GB" smtClean="0"/>
              <a:pPr/>
              <a:t>17/04/2023</a:t>
            </a:fld>
            <a:endParaRPr lang="en-GB"/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062CA021-2578-47CB-822C-BDDFF7223B28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endParaRPr lang="en-GB"/>
          </a:p>
        </p:txBody>
      </p:sp>
      <p:sp>
        <p:nvSpPr>
          <p:cNvPr id="9" name="Tijdelijke aanduiding voor dianummer 8">
            <a:extLst>
              <a:ext uri="{FF2B5EF4-FFF2-40B4-BE49-F238E27FC236}">
                <a16:creationId xmlns:a16="http://schemas.microsoft.com/office/drawing/2014/main" id="{C4AAB51D-4141-4682-9375-DAFD5FB9DD1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1026" name="Picture 2" descr="logo">
            <a:extLst>
              <a:ext uri="{FF2B5EF4-FFF2-40B4-BE49-F238E27FC236}">
                <a16:creationId xmlns:a16="http://schemas.microsoft.com/office/drawing/2014/main" id="{6E9A74D5-92D6-07ED-8F36-8BC36F200FE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7695" y="95223"/>
            <a:ext cx="1471784" cy="678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55348073"/>
      </p:ext>
    </p:extLst>
  </p:cSld>
  <p:clrMapOvr>
    <a:masterClrMapping/>
  </p:clrMapOvr>
  <p:hf hdr="0"/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beelding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Picture Placeholder 8">
            <a:extLst>
              <a:ext uri="{FF2B5EF4-FFF2-40B4-BE49-F238E27FC236}">
                <a16:creationId xmlns:a16="http://schemas.microsoft.com/office/drawing/2014/main" id="{CC1BF7E4-62DA-49C2-9061-4B75E6E294E7}"/>
              </a:ext>
            </a:extLst>
          </p:cNvPr>
          <p:cNvSpPr>
            <a:spLocks noGrp="1"/>
          </p:cNvSpPr>
          <p:nvPr>
            <p:ph type="pic" sz="quarter" idx="10"/>
          </p:nvPr>
        </p:nvSpPr>
        <p:spPr>
          <a:xfrm>
            <a:off x="0" y="0"/>
            <a:ext cx="12192000" cy="6858000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5928360 h 6858000"/>
              <a:gd name="connsiteX3" fmla="*/ 12192000 w 12192000"/>
              <a:gd name="connsiteY3" fmla="*/ 6858000 h 6858000"/>
              <a:gd name="connsiteX4" fmla="*/ 10546080 w 12192000"/>
              <a:gd name="connsiteY4" fmla="*/ 6858000 h 6858000"/>
              <a:gd name="connsiteX5" fmla="*/ 0 w 12192000"/>
              <a:gd name="connsiteY5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</a:cxnLst>
            <a:rect l="l" t="t" r="r" b="b"/>
            <a:pathLst>
              <a:path w="12192000" h="6858000">
                <a:moveTo>
                  <a:pt x="0" y="0"/>
                </a:moveTo>
                <a:lnTo>
                  <a:pt x="12192000" y="0"/>
                </a:lnTo>
                <a:lnTo>
                  <a:pt x="12192000" y="5928360"/>
                </a:lnTo>
                <a:lnTo>
                  <a:pt x="12192000" y="6858000"/>
                </a:lnTo>
                <a:lnTo>
                  <a:pt x="10546080" y="6858000"/>
                </a:lnTo>
                <a:lnTo>
                  <a:pt x="0" y="6858000"/>
                </a:lnTo>
                <a:close/>
              </a:path>
            </a:pathLst>
          </a:custGeom>
        </p:spPr>
        <p:txBody>
          <a:bodyPr wrap="square" anchor="ctr">
            <a:noAutofit/>
          </a:bodyPr>
          <a:lstStyle>
            <a:lvl1pPr marL="0" indent="0" algn="ctr">
              <a:buNone/>
              <a:defRPr sz="2400"/>
            </a:lvl1pPr>
          </a:lstStyle>
          <a:p>
            <a:pPr lvl="0"/>
            <a:endParaRPr lang="nl-NL" noProof="0"/>
          </a:p>
        </p:txBody>
      </p:sp>
      <p:sp>
        <p:nvSpPr>
          <p:cNvPr id="15" name="Date Placeholder 3">
            <a:extLst>
              <a:ext uri="{FF2B5EF4-FFF2-40B4-BE49-F238E27FC236}">
                <a16:creationId xmlns:a16="http://schemas.microsoft.com/office/drawing/2014/main" id="{B8B169DA-F6EB-44C4-8C39-89055F4E21BB}"/>
              </a:ext>
            </a:extLst>
          </p:cNvPr>
          <p:cNvSpPr>
            <a:spLocks noGrp="1"/>
          </p:cNvSpPr>
          <p:nvPr>
            <p:ph type="dt" sz="half" idx="11"/>
          </p:nvPr>
        </p:nvSpPr>
        <p:spPr>
          <a:xfrm>
            <a:off x="631825" y="7165952"/>
            <a:ext cx="832104" cy="200055"/>
          </a:xfrm>
        </p:spPr>
        <p:txBody>
          <a:bodyPr/>
          <a:lstStyle/>
          <a:p>
            <a:fld id="{5DA6945E-81CA-4BD3-A6D1-5E443B4DE943}" type="datetime1">
              <a:rPr lang="en-GB" smtClean="0"/>
              <a:t>17/04/2023</a:t>
            </a:fld>
            <a:endParaRPr lang="en-GB"/>
          </a:p>
        </p:txBody>
      </p:sp>
      <p:sp>
        <p:nvSpPr>
          <p:cNvPr id="16" name="Footer Placeholder 4">
            <a:extLst>
              <a:ext uri="{FF2B5EF4-FFF2-40B4-BE49-F238E27FC236}">
                <a16:creationId xmlns:a16="http://schemas.microsoft.com/office/drawing/2014/main" id="{D5721CA1-4C99-4AE1-A09F-C01D6D60F419}"/>
              </a:ext>
            </a:extLst>
          </p:cNvPr>
          <p:cNvSpPr>
            <a:spLocks noGrp="1"/>
          </p:cNvSpPr>
          <p:nvPr>
            <p:ph type="ftr" sz="quarter" idx="12"/>
          </p:nvPr>
        </p:nvSpPr>
        <p:spPr>
          <a:xfrm>
            <a:off x="1562356" y="7165951"/>
            <a:ext cx="8694253" cy="200055"/>
          </a:xfrm>
        </p:spPr>
        <p:txBody>
          <a:bodyPr/>
          <a:lstStyle/>
          <a:p>
            <a:endParaRPr lang="en-GB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B77AFA47-3EE4-4DA3-A423-AE9B8CB63208}"/>
              </a:ext>
            </a:extLst>
          </p:cNvPr>
          <p:cNvSpPr>
            <a:spLocks noGrp="1"/>
          </p:cNvSpPr>
          <p:nvPr>
            <p:ph type="sldNum" sz="quarter" idx="13"/>
          </p:nvPr>
        </p:nvSpPr>
        <p:spPr>
          <a:xfrm>
            <a:off x="10355036" y="7165953"/>
            <a:ext cx="486000" cy="20005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sp>
        <p:nvSpPr>
          <p:cNvPr id="12" name="Text Placeholder 2059">
            <a:extLst>
              <a:ext uri="{FF2B5EF4-FFF2-40B4-BE49-F238E27FC236}">
                <a16:creationId xmlns:a16="http://schemas.microsoft.com/office/drawing/2014/main" id="{70D4D95F-9082-4390-8238-9D84FFCB5E8A}"/>
              </a:ext>
            </a:extLst>
          </p:cNvPr>
          <p:cNvSpPr>
            <a:spLocks noGrp="1"/>
          </p:cNvSpPr>
          <p:nvPr>
            <p:ph type="body" sz="quarter" idx="16" hasCustomPrompt="1"/>
          </p:nvPr>
        </p:nvSpPr>
        <p:spPr>
          <a:xfrm>
            <a:off x="11056619" y="6322695"/>
            <a:ext cx="912763" cy="359794"/>
          </a:xfrm>
          <a:blipFill dpi="0" rotWithShape="1">
            <a:blip r:embed="rId2">
              <a:extLst>
                <a:ext uri="{28A0092B-C50C-407E-A947-70E740481C1C}">
                  <a14:useLocalDpi xmlns:a14="http://schemas.microsoft.com/office/drawing/2010/main" val="0"/>
                </a:ext>
              </a:extLst>
            </a:blip>
            <a:srcRect/>
            <a:stretch>
              <a:fillRect/>
            </a:stretch>
          </a:blipFill>
        </p:spPr>
        <p:txBody>
          <a:bodyPr/>
          <a:lstStyle>
            <a:lvl1pPr marL="0" indent="0">
              <a:buNone/>
              <a:defRPr/>
            </a:lvl1pPr>
          </a:lstStyle>
          <a:p>
            <a:pPr lvl="0"/>
            <a:r>
              <a:rPr lang="en-US"/>
              <a:t> </a:t>
            </a:r>
          </a:p>
        </p:txBody>
      </p:sp>
    </p:spTree>
    <p:extLst>
      <p:ext uri="{BB962C8B-B14F-4D97-AF65-F5344CB8AC3E}">
        <p14:creationId xmlns:p14="http://schemas.microsoft.com/office/powerpoint/2010/main" val="3546806594"/>
      </p:ext>
    </p:extLst>
  </p:cSld>
  <p:clrMapOvr>
    <a:masterClrMapping/>
  </p:clrMapOvr>
  <p:transition spd="slow">
    <p:wipe/>
  </p:transition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Alleen titel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Ondertitel 2">
            <a:extLst>
              <a:ext uri="{FF2B5EF4-FFF2-40B4-BE49-F238E27FC236}">
                <a16:creationId xmlns:a16="http://schemas.microsoft.com/office/drawing/2014/main" id="{1740F6E3-BB69-4FDB-B455-05A3929CE3E8}"/>
              </a:ext>
            </a:extLst>
          </p:cNvPr>
          <p:cNvSpPr>
            <a:spLocks noGrp="1"/>
          </p:cNvSpPr>
          <p:nvPr>
            <p:ph type="subTitle" idx="13" hasCustomPrompt="1"/>
          </p:nvPr>
        </p:nvSpPr>
        <p:spPr>
          <a:xfrm>
            <a:off x="631826" y="926508"/>
            <a:ext cx="10209212" cy="571042"/>
          </a:xfrm>
        </p:spPr>
        <p:txBody>
          <a:bodyPr/>
          <a:lstStyle>
            <a:lvl1pPr marL="0" indent="0" algn="l">
              <a:buNone/>
              <a:defRPr sz="2400" b="1" i="0">
                <a:solidFill>
                  <a:schemeClr val="accent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 algn="ctr">
              <a:buNone/>
              <a:defRPr sz="2000"/>
            </a:lvl2pPr>
            <a:lvl3pPr marL="914400" indent="0" algn="ctr">
              <a:buNone/>
              <a:defRPr sz="1800"/>
            </a:lvl3pPr>
            <a:lvl4pPr marL="1371600" indent="0" algn="ctr">
              <a:buNone/>
              <a:defRPr sz="1600"/>
            </a:lvl4pPr>
            <a:lvl5pPr marL="1828800" indent="0" algn="ctr">
              <a:buNone/>
              <a:defRPr sz="1600"/>
            </a:lvl5pPr>
            <a:lvl6pPr marL="2286000" indent="0" algn="ctr">
              <a:buNone/>
              <a:defRPr sz="1600"/>
            </a:lvl6pPr>
            <a:lvl7pPr marL="2743200" indent="0" algn="ctr">
              <a:buNone/>
              <a:defRPr sz="1600"/>
            </a:lvl7pPr>
            <a:lvl8pPr marL="3200400" indent="0" algn="ctr">
              <a:buNone/>
              <a:defRPr sz="1600"/>
            </a:lvl8pPr>
            <a:lvl9pPr marL="3657600" indent="0" algn="ctr">
              <a:buNone/>
              <a:defRPr sz="1600"/>
            </a:lvl9pPr>
          </a:lstStyle>
          <a:p>
            <a:r>
              <a:rPr lang="nl-NL"/>
              <a:t>Voeg ondertitel toe</a:t>
            </a:r>
          </a:p>
        </p:txBody>
      </p:sp>
      <p:sp>
        <p:nvSpPr>
          <p:cNvPr id="12" name="Title 11">
            <a:extLst>
              <a:ext uri="{FF2B5EF4-FFF2-40B4-BE49-F238E27FC236}">
                <a16:creationId xmlns:a16="http://schemas.microsoft.com/office/drawing/2014/main" id="{5B2E0F06-95BB-4E0F-B6D2-44A1325E008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 err="1"/>
              <a:t>Voeg</a:t>
            </a:r>
            <a:r>
              <a:rPr lang="en-US"/>
              <a:t> </a:t>
            </a:r>
            <a:r>
              <a:rPr lang="en-US" err="1"/>
              <a:t>titel</a:t>
            </a:r>
            <a:r>
              <a:rPr lang="en-US"/>
              <a:t> toe</a:t>
            </a:r>
          </a:p>
        </p:txBody>
      </p:sp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en-GB" smtClean="0"/>
              <a:t>17/04/2023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7502200"/>
      </p:ext>
    </p:extLst>
  </p:cSld>
  <p:clrMapOvr>
    <a:masterClrMapping/>
  </p:clrMapOvr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Leeg">
    <p:bg>
      <p:bgPr>
        <a:gradFill>
          <a:gsLst>
            <a:gs pos="0">
              <a:schemeClr val="accent1">
                <a:lumMod val="5000"/>
                <a:lumOff val="95000"/>
              </a:schemeClr>
            </a:gs>
            <a:gs pos="74000">
              <a:schemeClr val="accent1">
                <a:lumMod val="45000"/>
                <a:lumOff val="55000"/>
              </a:schemeClr>
            </a:gs>
            <a:gs pos="83000">
              <a:schemeClr val="accent1">
                <a:lumMod val="45000"/>
                <a:lumOff val="55000"/>
              </a:schemeClr>
            </a:gs>
            <a:gs pos="100000">
              <a:schemeClr val="accent1">
                <a:lumMod val="30000"/>
                <a:lumOff val="70000"/>
              </a:schemeClr>
            </a:gs>
          </a:gsLst>
          <a:lin ang="5400000" scaled="1"/>
        </a:gra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Date Placeholder 1">
            <a:extLst>
              <a:ext uri="{FF2B5EF4-FFF2-40B4-BE49-F238E27FC236}">
                <a16:creationId xmlns:a16="http://schemas.microsoft.com/office/drawing/2014/main" id="{E90DE726-9C54-4569-9477-C17382798F10}"/>
              </a:ext>
            </a:extLst>
          </p:cNvPr>
          <p:cNvSpPr>
            <a:spLocks noGrp="1"/>
          </p:cNvSpPr>
          <p:nvPr>
            <p:ph type="dt" sz="half" idx="14"/>
          </p:nvPr>
        </p:nvSpPr>
        <p:spPr/>
        <p:txBody>
          <a:bodyPr/>
          <a:lstStyle/>
          <a:p>
            <a:fld id="{65E688D0-DE6F-477F-B90C-D66EB6B4C12B}" type="datetime1">
              <a:rPr lang="en-GB" smtClean="0"/>
              <a:t>17/04/2023</a:t>
            </a:fld>
            <a:endParaRPr lang="en-GB"/>
          </a:p>
        </p:txBody>
      </p:sp>
      <p:sp>
        <p:nvSpPr>
          <p:cNvPr id="3" name="Footer Placeholder 2">
            <a:extLst>
              <a:ext uri="{FF2B5EF4-FFF2-40B4-BE49-F238E27FC236}">
                <a16:creationId xmlns:a16="http://schemas.microsoft.com/office/drawing/2014/main" id="{88E679D3-9656-4BF5-BF31-B4F76FB4DF74}"/>
              </a:ext>
            </a:extLst>
          </p:cNvPr>
          <p:cNvSpPr>
            <a:spLocks noGrp="1"/>
          </p:cNvSpPr>
          <p:nvPr>
            <p:ph type="ftr" sz="quarter" idx="15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BEF84C3F-81CA-4916-B522-934D603E63BC}"/>
              </a:ext>
            </a:extLst>
          </p:cNvPr>
          <p:cNvSpPr>
            <a:spLocks noGrp="1"/>
          </p:cNvSpPr>
          <p:nvPr>
            <p:ph type="sldNum" sz="quarter" idx="16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4141643407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secHead" preserve="1">
  <p:cSld name="Sectiekop"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hthoek 9">
            <a:extLst>
              <a:ext uri="{FF2B5EF4-FFF2-40B4-BE49-F238E27FC236}">
                <a16:creationId xmlns:a16="http://schemas.microsoft.com/office/drawing/2014/main" id="{A585C21A-8B93-4657-B5DF-7EAEAD3BE127}"/>
              </a:ext>
            </a:extLst>
          </p:cNvPr>
          <p:cNvSpPr/>
          <p:nvPr/>
        </p:nvSpPr>
        <p:spPr>
          <a:xfrm>
            <a:off x="3175" y="6400800"/>
            <a:ext cx="12188825" cy="457200"/>
          </a:xfrm>
          <a:prstGeom prst="rect">
            <a:avLst/>
          </a:prstGeom>
          <a:solidFill>
            <a:srgbClr val="01D2E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097280" y="758952"/>
            <a:ext cx="10058400" cy="3566160"/>
          </a:xfrm>
        </p:spPr>
        <p:txBody>
          <a:bodyPr rtlCol="0" anchor="b" anchorCtr="0">
            <a:normAutofit/>
          </a:bodyPr>
          <a:lstStyle>
            <a:lvl1pPr>
              <a:lnSpc>
                <a:spcPct val="90000"/>
              </a:lnSpc>
              <a:defRPr sz="8000" b="0">
                <a:solidFill>
                  <a:schemeClr val="tx1">
                    <a:lumMod val="85000"/>
                    <a:lumOff val="15000"/>
                  </a:schemeClr>
                </a:solidFill>
              </a:defRPr>
            </a:lvl1pPr>
          </a:lstStyle>
          <a:p>
            <a:pPr rtl="0"/>
            <a:r>
              <a:rPr lang="nl-NL" noProof="0"/>
              <a:t>Klik om stijl te bewerken</a:t>
            </a:r>
            <a:endParaRPr lang="nl-NL" noProof="0" dirty="0"/>
          </a:p>
        </p:txBody>
      </p:sp>
      <p:sp>
        <p:nvSpPr>
          <p:cNvPr id="3" name="Tijdelijke aanduiding voor tekst 2"/>
          <p:cNvSpPr>
            <a:spLocks noGrp="1"/>
          </p:cNvSpPr>
          <p:nvPr>
            <p:ph type="body" idx="1"/>
          </p:nvPr>
        </p:nvSpPr>
        <p:spPr>
          <a:xfrm>
            <a:off x="1097280" y="4663440"/>
            <a:ext cx="10058400" cy="1143000"/>
          </a:xfrm>
        </p:spPr>
        <p:txBody>
          <a:bodyPr lIns="91440" rIns="91440" rtlCol="0" anchor="t" anchorCtr="0">
            <a:normAutofit/>
          </a:bodyPr>
          <a:lstStyle>
            <a:lvl1pPr marL="0" indent="0">
              <a:buNone/>
              <a:defRPr sz="2400" cap="all" spc="200" baseline="0">
                <a:solidFill>
                  <a:schemeClr val="tx1"/>
                </a:solidFill>
                <a:latin typeface="+mn-lt"/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 rtl="0"/>
            <a:r>
              <a:rPr lang="nl-NL" noProof="0"/>
              <a:t>Klikken om de tekststijl van het model te bewerken</a:t>
            </a:r>
          </a:p>
        </p:txBody>
      </p:sp>
      <p:cxnSp>
        <p:nvCxnSpPr>
          <p:cNvPr id="9" name="Rechte verbindingslijn 8">
            <a:extLst>
              <a:ext uri="{FF2B5EF4-FFF2-40B4-BE49-F238E27FC236}">
                <a16:creationId xmlns:a16="http://schemas.microsoft.com/office/drawing/2014/main" id="{459DE2C1-4C52-40A3-8959-27B2C1BEBFF6}"/>
              </a:ext>
            </a:extLst>
          </p:cNvPr>
          <p:cNvCxnSpPr/>
          <p:nvPr/>
        </p:nvCxnSpPr>
        <p:spPr>
          <a:xfrm>
            <a:off x="1207658" y="4485132"/>
            <a:ext cx="9875520" cy="0"/>
          </a:xfrm>
          <a:prstGeom prst="line">
            <a:avLst/>
          </a:prstGeom>
          <a:ln w="12700"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sp>
        <p:nvSpPr>
          <p:cNvPr id="7" name="Tijdelijke aanduiding voor datum 6">
            <a:extLst>
              <a:ext uri="{FF2B5EF4-FFF2-40B4-BE49-F238E27FC236}">
                <a16:creationId xmlns:a16="http://schemas.microsoft.com/office/drawing/2014/main" id="{AAF2E137-EC28-48F8-9198-1F02539029B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fld id="{2CDDF44A-BF68-4CCF-A6CF-AFCBEE804673}" type="datetime1">
              <a:rPr lang="en-GB" smtClean="0"/>
              <a:t>17/04/2023</a:t>
            </a:fld>
            <a:endParaRPr lang="en-GB"/>
          </a:p>
        </p:txBody>
      </p:sp>
      <p:sp>
        <p:nvSpPr>
          <p:cNvPr id="8" name="Tijdelijke aanduiding voor voettekst 7">
            <a:extLst>
              <a:ext uri="{FF2B5EF4-FFF2-40B4-BE49-F238E27FC236}">
                <a16:creationId xmlns:a16="http://schemas.microsoft.com/office/drawing/2014/main" id="{189422CD-6F62-4DD6-89EF-07A60B42D219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endParaRPr lang="en-GB"/>
          </a:p>
        </p:txBody>
      </p:sp>
      <p:sp>
        <p:nvSpPr>
          <p:cNvPr id="11" name="Tijdelijke aanduiding voor dianummer 10">
            <a:extLst>
              <a:ext uri="{FF2B5EF4-FFF2-40B4-BE49-F238E27FC236}">
                <a16:creationId xmlns:a16="http://schemas.microsoft.com/office/drawing/2014/main" id="{69C6AFF8-42B4-4D05-969B-9F5FB335555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4" name="Picture 2" descr="logo">
            <a:extLst>
              <a:ext uri="{FF2B5EF4-FFF2-40B4-BE49-F238E27FC236}">
                <a16:creationId xmlns:a16="http://schemas.microsoft.com/office/drawing/2014/main" id="{C55FADE7-E198-C5BB-467E-A4A8687F25E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7695" y="95223"/>
            <a:ext cx="1471784" cy="678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44137723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Inhoud van twe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7"/>
          <p:cNvSpPr>
            <a:spLocks noGrp="1"/>
          </p:cNvSpPr>
          <p:nvPr>
            <p:ph type="title"/>
          </p:nvPr>
        </p:nvSpPr>
        <p:spPr>
          <a:xfrm>
            <a:off x="1097280" y="286603"/>
            <a:ext cx="10058400" cy="1450757"/>
          </a:xfrm>
        </p:spPr>
        <p:txBody>
          <a:bodyPr rtlCol="0"/>
          <a:lstStyle/>
          <a:p>
            <a:pPr rtl="0"/>
            <a:r>
              <a:rPr lang="nl-NL" noProof="0"/>
              <a:t>Klik om stijl te bewerken</a:t>
            </a:r>
            <a:endParaRPr lang="nl-NL" noProof="0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sz="half" idx="1"/>
          </p:nvPr>
        </p:nvSpPr>
        <p:spPr>
          <a:xfrm>
            <a:off x="1097280" y="2120900"/>
            <a:ext cx="4639736" cy="3748193"/>
          </a:xfrm>
        </p:spPr>
        <p:txBody>
          <a:bodyPr rtlCol="0"/>
          <a:lstStyle/>
          <a:p>
            <a:pPr lvl="0" rtl="0"/>
            <a:r>
              <a:rPr lang="nl-NL" noProof="0"/>
              <a:t>Klikken om de tekststijl van het model te bewerken</a:t>
            </a:r>
          </a:p>
          <a:p>
            <a:pPr lvl="1" rtl="0"/>
            <a:r>
              <a:rPr lang="nl-NL" noProof="0"/>
              <a:t>Tweede niveau</a:t>
            </a:r>
          </a:p>
          <a:p>
            <a:pPr lvl="2" rtl="0"/>
            <a:r>
              <a:rPr lang="nl-NL" noProof="0"/>
              <a:t>Derde niveau</a:t>
            </a:r>
          </a:p>
          <a:p>
            <a:pPr lvl="3" rtl="0"/>
            <a:r>
              <a:rPr lang="nl-NL" noProof="0"/>
              <a:t>Vierde niveau</a:t>
            </a:r>
          </a:p>
          <a:p>
            <a:pPr lvl="4" rtl="0"/>
            <a:r>
              <a:rPr lang="nl-NL" noProof="0"/>
              <a:t>Vijfde niveau</a:t>
            </a:r>
            <a:endParaRPr lang="nl-NL" noProof="0" dirty="0"/>
          </a:p>
        </p:txBody>
      </p:sp>
      <p:sp>
        <p:nvSpPr>
          <p:cNvPr id="4" name="Tijdelijke aanduiding voor inhoud 3"/>
          <p:cNvSpPr>
            <a:spLocks noGrp="1"/>
          </p:cNvSpPr>
          <p:nvPr>
            <p:ph sz="half" idx="2"/>
          </p:nvPr>
        </p:nvSpPr>
        <p:spPr>
          <a:xfrm>
            <a:off x="6515944" y="2120900"/>
            <a:ext cx="4639736" cy="3748194"/>
          </a:xfrm>
        </p:spPr>
        <p:txBody>
          <a:bodyPr rtlCol="0"/>
          <a:lstStyle/>
          <a:p>
            <a:pPr lvl="0" rtl="0"/>
            <a:r>
              <a:rPr lang="nl-NL" noProof="0"/>
              <a:t>Klikken om de tekststijl van het model te bewerken</a:t>
            </a:r>
          </a:p>
          <a:p>
            <a:pPr lvl="1" rtl="0"/>
            <a:r>
              <a:rPr lang="nl-NL" noProof="0"/>
              <a:t>Tweede niveau</a:t>
            </a:r>
          </a:p>
          <a:p>
            <a:pPr lvl="2" rtl="0"/>
            <a:r>
              <a:rPr lang="nl-NL" noProof="0"/>
              <a:t>Derde niveau</a:t>
            </a:r>
          </a:p>
          <a:p>
            <a:pPr lvl="3" rtl="0"/>
            <a:r>
              <a:rPr lang="nl-NL" noProof="0"/>
              <a:t>Vierde niveau</a:t>
            </a:r>
          </a:p>
          <a:p>
            <a:pPr lvl="4" rtl="0"/>
            <a:r>
              <a:rPr lang="nl-NL" noProof="0"/>
              <a:t>Vijfde niveau</a:t>
            </a:r>
            <a:endParaRPr lang="nl-NL" noProof="0" dirty="0"/>
          </a:p>
        </p:txBody>
      </p:sp>
      <p:sp>
        <p:nvSpPr>
          <p:cNvPr id="2" name="Tijdelijke aanduiding voor datum 1">
            <a:extLst>
              <a:ext uri="{FF2B5EF4-FFF2-40B4-BE49-F238E27FC236}">
                <a16:creationId xmlns:a16="http://schemas.microsoft.com/office/drawing/2014/main" id="{5782D47D-B0DC-4C40-BCC6-BBBA32584A38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fld id="{7678AA31-385E-486D-A654-59401A2A3B5E}" type="datetime1">
              <a:rPr lang="en-GB" smtClean="0"/>
              <a:pPr/>
              <a:t>17/04/2023</a:t>
            </a:fld>
            <a:endParaRPr lang="en-GB"/>
          </a:p>
        </p:txBody>
      </p:sp>
      <p:sp>
        <p:nvSpPr>
          <p:cNvPr id="9" name="Tijdelijke aanduiding voor voettekst 8">
            <a:extLst>
              <a:ext uri="{FF2B5EF4-FFF2-40B4-BE49-F238E27FC236}">
                <a16:creationId xmlns:a16="http://schemas.microsoft.com/office/drawing/2014/main" id="{4690D34E-7EBD-44B2-83CA-4C126A18D7E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endParaRPr lang="en-GB"/>
          </a:p>
        </p:txBody>
      </p:sp>
      <p:sp>
        <p:nvSpPr>
          <p:cNvPr id="10" name="Tijdelijke aanduiding voor dianummer 9">
            <a:extLst>
              <a:ext uri="{FF2B5EF4-FFF2-40B4-BE49-F238E27FC236}">
                <a16:creationId xmlns:a16="http://schemas.microsoft.com/office/drawing/2014/main" id="{2AC511A1-9BBD-42DE-92FB-2AF44F8E97A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5" name="Picture 2" descr="logo">
            <a:extLst>
              <a:ext uri="{FF2B5EF4-FFF2-40B4-BE49-F238E27FC236}">
                <a16:creationId xmlns:a16="http://schemas.microsoft.com/office/drawing/2014/main" id="{46F45F81-E3EB-6899-4DB0-6D3B0A103E66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7695" y="95223"/>
            <a:ext cx="1471784" cy="678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1699946896"/>
      </p:ext>
    </p:extLst>
  </p:cSld>
  <p:clrMapOvr>
    <a:masterClrMapping/>
  </p:clrMapOvr>
  <p:hf hdr="0"/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Vergelijk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el 9"/>
          <p:cNvSpPr>
            <a:spLocks noGrp="1"/>
          </p:cNvSpPr>
          <p:nvPr>
            <p:ph type="title"/>
          </p:nvPr>
        </p:nvSpPr>
        <p:spPr>
          <a:xfrm>
            <a:off x="1097280" y="286603"/>
            <a:ext cx="10058400" cy="1450757"/>
          </a:xfrm>
        </p:spPr>
        <p:txBody>
          <a:bodyPr rtlCol="0"/>
          <a:lstStyle/>
          <a:p>
            <a:pPr rtl="0"/>
            <a:r>
              <a:rPr lang="nl-NL" noProof="0"/>
              <a:t>Klik om stijl te bewerken</a:t>
            </a:r>
            <a:endParaRPr lang="nl-NL" noProof="0" dirty="0"/>
          </a:p>
        </p:txBody>
      </p:sp>
      <p:sp>
        <p:nvSpPr>
          <p:cNvPr id="3" name="Tijdelijke aanduiding voor tekst 2"/>
          <p:cNvSpPr>
            <a:spLocks noGrp="1"/>
          </p:cNvSpPr>
          <p:nvPr>
            <p:ph type="body" idx="1"/>
          </p:nvPr>
        </p:nvSpPr>
        <p:spPr>
          <a:xfrm>
            <a:off x="1097280" y="2057400"/>
            <a:ext cx="4639736" cy="736282"/>
          </a:xfrm>
        </p:spPr>
        <p:txBody>
          <a:bodyPr lIns="91440" rIns="91440" rtlCol="0" anchor="ctr">
            <a:normAutofit/>
          </a:bodyPr>
          <a:lstStyle>
            <a:lvl1pPr marL="0" indent="0">
              <a:buNone/>
              <a:defRPr sz="2000" b="0" cap="all" baseline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 rtl="0"/>
            <a:r>
              <a:rPr lang="nl-NL" noProof="0"/>
              <a:t>Klikken om de tekststijl van het model te bewerken</a:t>
            </a:r>
          </a:p>
        </p:txBody>
      </p:sp>
      <p:sp>
        <p:nvSpPr>
          <p:cNvPr id="4" name="Tijdelijke aanduiding voor inhoud 3"/>
          <p:cNvSpPr>
            <a:spLocks noGrp="1"/>
          </p:cNvSpPr>
          <p:nvPr>
            <p:ph sz="half" idx="2"/>
          </p:nvPr>
        </p:nvSpPr>
        <p:spPr>
          <a:xfrm>
            <a:off x="1097280" y="2958274"/>
            <a:ext cx="4639736" cy="2910821"/>
          </a:xfrm>
        </p:spPr>
        <p:txBody>
          <a:bodyPr rtlCol="0"/>
          <a:lstStyle/>
          <a:p>
            <a:pPr lvl="0" rtl="0"/>
            <a:r>
              <a:rPr lang="nl-NL" noProof="0"/>
              <a:t>Klikken om de tekststijl van het model te bewerken</a:t>
            </a:r>
          </a:p>
          <a:p>
            <a:pPr lvl="1" rtl="0"/>
            <a:r>
              <a:rPr lang="nl-NL" noProof="0"/>
              <a:t>Tweede niveau</a:t>
            </a:r>
          </a:p>
          <a:p>
            <a:pPr lvl="2" rtl="0"/>
            <a:r>
              <a:rPr lang="nl-NL" noProof="0"/>
              <a:t>Derde niveau</a:t>
            </a:r>
          </a:p>
          <a:p>
            <a:pPr lvl="3" rtl="0"/>
            <a:r>
              <a:rPr lang="nl-NL" noProof="0"/>
              <a:t>Vierde niveau</a:t>
            </a:r>
          </a:p>
          <a:p>
            <a:pPr lvl="4" rtl="0"/>
            <a:r>
              <a:rPr lang="nl-NL" noProof="0"/>
              <a:t>Vijfde niveau</a:t>
            </a:r>
            <a:endParaRPr lang="nl-NL" noProof="0" dirty="0"/>
          </a:p>
        </p:txBody>
      </p:sp>
      <p:sp>
        <p:nvSpPr>
          <p:cNvPr id="5" name="Tijdelijke aanduiding voor tekst 4"/>
          <p:cNvSpPr>
            <a:spLocks noGrp="1"/>
          </p:cNvSpPr>
          <p:nvPr>
            <p:ph type="body" sz="quarter" idx="3"/>
          </p:nvPr>
        </p:nvSpPr>
        <p:spPr>
          <a:xfrm>
            <a:off x="6515944" y="2057400"/>
            <a:ext cx="4639736" cy="736282"/>
          </a:xfrm>
        </p:spPr>
        <p:txBody>
          <a:bodyPr lIns="91440" rIns="91440" rtlCol="0" anchor="ctr">
            <a:normAutofit/>
          </a:bodyPr>
          <a:lstStyle>
            <a:lvl1pPr marL="0" indent="0">
              <a:buNone/>
              <a:defRPr sz="2000" b="0" cap="all" baseline="0">
                <a:solidFill>
                  <a:schemeClr val="tx1"/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 rtl="0"/>
            <a:r>
              <a:rPr lang="nl-NL" noProof="0"/>
              <a:t>Klikken om de tekststijl van het model te bewerken</a:t>
            </a:r>
          </a:p>
        </p:txBody>
      </p:sp>
      <p:sp>
        <p:nvSpPr>
          <p:cNvPr id="6" name="Tijdelijke aanduiding voor inhoud 5"/>
          <p:cNvSpPr>
            <a:spLocks noGrp="1"/>
          </p:cNvSpPr>
          <p:nvPr>
            <p:ph sz="quarter" idx="4"/>
          </p:nvPr>
        </p:nvSpPr>
        <p:spPr>
          <a:xfrm>
            <a:off x="6515944" y="2958273"/>
            <a:ext cx="4639736" cy="2910821"/>
          </a:xfrm>
        </p:spPr>
        <p:txBody>
          <a:bodyPr rtlCol="0"/>
          <a:lstStyle/>
          <a:p>
            <a:pPr lvl="0" rtl="0"/>
            <a:r>
              <a:rPr lang="nl-NL" noProof="0"/>
              <a:t>Klikken om de tekststijl van het model te bewerken</a:t>
            </a:r>
          </a:p>
          <a:p>
            <a:pPr lvl="1" rtl="0"/>
            <a:r>
              <a:rPr lang="nl-NL" noProof="0"/>
              <a:t>Tweede niveau</a:t>
            </a:r>
          </a:p>
          <a:p>
            <a:pPr lvl="2" rtl="0"/>
            <a:r>
              <a:rPr lang="nl-NL" noProof="0"/>
              <a:t>Derde niveau</a:t>
            </a:r>
          </a:p>
          <a:p>
            <a:pPr lvl="3" rtl="0"/>
            <a:r>
              <a:rPr lang="nl-NL" noProof="0"/>
              <a:t>Vierde niveau</a:t>
            </a:r>
          </a:p>
          <a:p>
            <a:pPr lvl="4" rtl="0"/>
            <a:r>
              <a:rPr lang="nl-NL" noProof="0"/>
              <a:t>Vijfde niveau</a:t>
            </a:r>
            <a:endParaRPr lang="nl-NL" noProof="0" dirty="0"/>
          </a:p>
        </p:txBody>
      </p:sp>
      <p:sp>
        <p:nvSpPr>
          <p:cNvPr id="2" name="Tijdelijke aanduiding voor datum 1">
            <a:extLst>
              <a:ext uri="{FF2B5EF4-FFF2-40B4-BE49-F238E27FC236}">
                <a16:creationId xmlns:a16="http://schemas.microsoft.com/office/drawing/2014/main" id="{8AF8A515-AA94-45D1-9223-5C2272618D85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fld id="{7678AA31-385E-486D-A654-59401A2A3B5E}" type="datetime1">
              <a:rPr lang="en-GB" smtClean="0"/>
              <a:pPr/>
              <a:t>17/04/2023</a:t>
            </a:fld>
            <a:endParaRPr lang="en-GB"/>
          </a:p>
        </p:txBody>
      </p:sp>
      <p:sp>
        <p:nvSpPr>
          <p:cNvPr id="11" name="Tijdelijke aanduiding voor voettekst 10">
            <a:extLst>
              <a:ext uri="{FF2B5EF4-FFF2-40B4-BE49-F238E27FC236}">
                <a16:creationId xmlns:a16="http://schemas.microsoft.com/office/drawing/2014/main" id="{D052F5BC-98E0-4D60-AD67-9547738B7DD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endParaRPr lang="en-GB"/>
          </a:p>
        </p:txBody>
      </p:sp>
      <p:sp>
        <p:nvSpPr>
          <p:cNvPr id="12" name="Tijdelijke aanduiding voor dianummer 11">
            <a:extLst>
              <a:ext uri="{FF2B5EF4-FFF2-40B4-BE49-F238E27FC236}">
                <a16:creationId xmlns:a16="http://schemas.microsoft.com/office/drawing/2014/main" id="{A38552DC-952E-41EA-AAAF-C2187523C0B0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7" name="Picture 2" descr="logo">
            <a:extLst>
              <a:ext uri="{FF2B5EF4-FFF2-40B4-BE49-F238E27FC236}">
                <a16:creationId xmlns:a16="http://schemas.microsoft.com/office/drawing/2014/main" id="{0FBD0115-2BD2-9E8D-C290-93434887214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7695" y="95223"/>
            <a:ext cx="1471784" cy="678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66722475"/>
      </p:ext>
    </p:extLst>
  </p:cSld>
  <p:clrMapOvr>
    <a:masterClrMapping/>
  </p:clrMapOvr>
  <p:hf hdr="0"/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Allee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/>
          </p:nvPr>
        </p:nvSpPr>
        <p:spPr/>
        <p:txBody>
          <a:bodyPr rtlCol="0"/>
          <a:lstStyle/>
          <a:p>
            <a:pPr rtl="0"/>
            <a:r>
              <a:rPr lang="nl-NL" noProof="0"/>
              <a:t>Klik om stijl te bewerken</a:t>
            </a:r>
            <a:endParaRPr lang="nl-NL" noProof="0" dirty="0"/>
          </a:p>
        </p:txBody>
      </p:sp>
      <p:sp>
        <p:nvSpPr>
          <p:cNvPr id="6" name="Tijdelijke aanduiding voor datum 5">
            <a:extLst>
              <a:ext uri="{FF2B5EF4-FFF2-40B4-BE49-F238E27FC236}">
                <a16:creationId xmlns:a16="http://schemas.microsoft.com/office/drawing/2014/main" id="{7392073F-158F-44A3-8913-917AFFC1BC20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fld id="{7678AA31-385E-486D-A654-59401A2A3B5E}" type="datetime1">
              <a:rPr lang="en-GB" smtClean="0"/>
              <a:pPr/>
              <a:t>17/04/2023</a:t>
            </a:fld>
            <a:endParaRPr lang="en-GB"/>
          </a:p>
        </p:txBody>
      </p:sp>
      <p:sp>
        <p:nvSpPr>
          <p:cNvPr id="7" name="Tijdelijke aanduiding voor voettekst 6">
            <a:extLst>
              <a:ext uri="{FF2B5EF4-FFF2-40B4-BE49-F238E27FC236}">
                <a16:creationId xmlns:a16="http://schemas.microsoft.com/office/drawing/2014/main" id="{EED72207-24CA-42B7-A975-2F8E41CBA90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endParaRPr lang="en-GB"/>
          </a:p>
        </p:txBody>
      </p:sp>
      <p:sp>
        <p:nvSpPr>
          <p:cNvPr id="8" name="Tijdelijke aanduiding voor dianummer 7">
            <a:extLst>
              <a:ext uri="{FF2B5EF4-FFF2-40B4-BE49-F238E27FC236}">
                <a16:creationId xmlns:a16="http://schemas.microsoft.com/office/drawing/2014/main" id="{D01080F2-251A-4B88-9A62-16F46D724F83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3" name="Picture 2" descr="logo">
            <a:extLst>
              <a:ext uri="{FF2B5EF4-FFF2-40B4-BE49-F238E27FC236}">
                <a16:creationId xmlns:a16="http://schemas.microsoft.com/office/drawing/2014/main" id="{7234A46C-3CEF-4F90-836F-7A6BB2C9891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7695" y="95223"/>
            <a:ext cx="1471784" cy="678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342768748"/>
      </p:ext>
    </p:extLst>
  </p:cSld>
  <p:clrMapOvr>
    <a:masterClrMapping/>
  </p:clrMapOvr>
  <p:hf hdr="0"/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blank" preserve="1">
  <p:cSld name="Lee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chthoek 9">
            <a:extLst>
              <a:ext uri="{FF2B5EF4-FFF2-40B4-BE49-F238E27FC236}">
                <a16:creationId xmlns:a16="http://schemas.microsoft.com/office/drawing/2014/main" id="{A8E9C91B-7EAD-4562-AB0E-DFB9663AECE3}"/>
              </a:ext>
            </a:extLst>
          </p:cNvPr>
          <p:cNvSpPr/>
          <p:nvPr/>
        </p:nvSpPr>
        <p:spPr>
          <a:xfrm>
            <a:off x="3175" y="6400800"/>
            <a:ext cx="12188825" cy="457200"/>
          </a:xfrm>
          <a:prstGeom prst="rect">
            <a:avLst/>
          </a:prstGeom>
          <a:solidFill>
            <a:srgbClr val="01D2E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jdelijke aanduiding voor datum 1">
            <a:extLst>
              <a:ext uri="{FF2B5EF4-FFF2-40B4-BE49-F238E27FC236}">
                <a16:creationId xmlns:a16="http://schemas.microsoft.com/office/drawing/2014/main" id="{94E9223F-721F-47BF-9FD5-0F8D12FF0DE1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/>
          <a:p>
            <a:fld id="{65E688D0-DE6F-477F-B90C-D66EB6B4C12B}" type="datetime1">
              <a:rPr lang="en-GB" smtClean="0"/>
              <a:t>17/04/2023</a:t>
            </a:fld>
            <a:endParaRPr lang="en-GB"/>
          </a:p>
        </p:txBody>
      </p:sp>
      <p:sp>
        <p:nvSpPr>
          <p:cNvPr id="3" name="Tijdelijke aanduiding voor voettekst 2">
            <a:extLst>
              <a:ext uri="{FF2B5EF4-FFF2-40B4-BE49-F238E27FC236}">
                <a16:creationId xmlns:a16="http://schemas.microsoft.com/office/drawing/2014/main" id="{05915714-6BBA-4593-8591-4E26F7D58D9F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 rtlCol="0"/>
          <a:lstStyle/>
          <a:p>
            <a:endParaRPr lang="en-GB"/>
          </a:p>
        </p:txBody>
      </p:sp>
      <p:sp>
        <p:nvSpPr>
          <p:cNvPr id="4" name="Tijdelijke aanduiding voor dianummer 3">
            <a:extLst>
              <a:ext uri="{FF2B5EF4-FFF2-40B4-BE49-F238E27FC236}">
                <a16:creationId xmlns:a16="http://schemas.microsoft.com/office/drawing/2014/main" id="{BE06F857-D2E1-44DD-ABDD-EBB739645B6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5" name="Picture 2" descr="logo">
            <a:extLst>
              <a:ext uri="{FF2B5EF4-FFF2-40B4-BE49-F238E27FC236}">
                <a16:creationId xmlns:a16="http://schemas.microsoft.com/office/drawing/2014/main" id="{A2090D7E-8DC2-2D09-9228-F18B051D7D0D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7695" y="95223"/>
            <a:ext cx="1471784" cy="678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143259106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objTx" preserve="1">
  <p:cSld name="Inhoud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hoek 7">
            <a:extLst>
              <a:ext uri="{FF2B5EF4-FFF2-40B4-BE49-F238E27FC236}">
                <a16:creationId xmlns:a16="http://schemas.microsoft.com/office/drawing/2014/main" id="{16D90D66-BCB9-4229-A829-628874352AC0}"/>
              </a:ext>
            </a:extLst>
          </p:cNvPr>
          <p:cNvSpPr/>
          <p:nvPr/>
        </p:nvSpPr>
        <p:spPr>
          <a:xfrm>
            <a:off x="-21886" y="0"/>
            <a:ext cx="4654296" cy="6858000"/>
          </a:xfrm>
          <a:prstGeom prst="rect">
            <a:avLst/>
          </a:prstGeom>
          <a:solidFill>
            <a:srgbClr val="01D2E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643466" y="786383"/>
            <a:ext cx="3517567" cy="2093975"/>
          </a:xfrm>
        </p:spPr>
        <p:txBody>
          <a:bodyPr rtlCol="0" anchor="b">
            <a:normAutofit/>
          </a:bodyPr>
          <a:lstStyle>
            <a:lvl1pPr>
              <a:lnSpc>
                <a:spcPct val="90000"/>
              </a:lnSpc>
              <a:defRPr sz="3600" b="0">
                <a:solidFill>
                  <a:srgbClr val="FFFFFF"/>
                </a:solidFill>
              </a:defRPr>
            </a:lvl1pPr>
          </a:lstStyle>
          <a:p>
            <a:pPr rtl="0"/>
            <a:r>
              <a:rPr lang="nl-NL" noProof="0"/>
              <a:t>Klik om stijl te bewerken</a:t>
            </a:r>
            <a:endParaRPr lang="nl-NL" noProof="0" dirty="0"/>
          </a:p>
        </p:txBody>
      </p:sp>
      <p:sp>
        <p:nvSpPr>
          <p:cNvPr id="3" name="Tijdelijke aanduiding voor inhoud 2"/>
          <p:cNvSpPr>
            <a:spLocks noGrp="1"/>
          </p:cNvSpPr>
          <p:nvPr>
            <p:ph idx="1"/>
          </p:nvPr>
        </p:nvSpPr>
        <p:spPr>
          <a:xfrm>
            <a:off x="5458984" y="812799"/>
            <a:ext cx="5928344" cy="5294757"/>
          </a:xfrm>
        </p:spPr>
        <p:txBody>
          <a:bodyPr rtlCol="0"/>
          <a:lstStyle/>
          <a:p>
            <a:pPr lvl="0" rtl="0"/>
            <a:r>
              <a:rPr lang="nl-NL" noProof="0"/>
              <a:t>Klikken om de tekststijl van het model te bewerken</a:t>
            </a:r>
          </a:p>
          <a:p>
            <a:pPr lvl="1" rtl="0"/>
            <a:r>
              <a:rPr lang="nl-NL" noProof="0"/>
              <a:t>Tweede niveau</a:t>
            </a:r>
          </a:p>
          <a:p>
            <a:pPr lvl="2" rtl="0"/>
            <a:r>
              <a:rPr lang="nl-NL" noProof="0"/>
              <a:t>Derde niveau</a:t>
            </a:r>
          </a:p>
          <a:p>
            <a:pPr lvl="3" rtl="0"/>
            <a:r>
              <a:rPr lang="nl-NL" noProof="0"/>
              <a:t>Vierde niveau</a:t>
            </a:r>
          </a:p>
          <a:p>
            <a:pPr lvl="4" rtl="0"/>
            <a:r>
              <a:rPr lang="nl-NL" noProof="0"/>
              <a:t>Vijfde niveau</a:t>
            </a:r>
            <a:endParaRPr lang="nl-NL" noProof="0" dirty="0"/>
          </a:p>
        </p:txBody>
      </p:sp>
      <p:sp>
        <p:nvSpPr>
          <p:cNvPr id="4" name="Tijdelijke aanduiding voor tekst 3"/>
          <p:cNvSpPr>
            <a:spLocks noGrp="1"/>
          </p:cNvSpPr>
          <p:nvPr>
            <p:ph type="body" sz="half" idx="2"/>
          </p:nvPr>
        </p:nvSpPr>
        <p:spPr>
          <a:xfrm>
            <a:off x="643465" y="3043050"/>
            <a:ext cx="3517567" cy="3064505"/>
          </a:xfrm>
        </p:spPr>
        <p:txBody>
          <a:bodyPr lIns="91440" rIns="91440" rtlCol="0">
            <a:normAutofit/>
          </a:bodyPr>
          <a:lstStyle>
            <a:lvl1pPr marL="0" indent="0">
              <a:buNone/>
              <a:defRPr sz="1800">
                <a:solidFill>
                  <a:srgbClr val="FFFFFF"/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 rtl="0"/>
            <a:r>
              <a:rPr lang="nl-NL" noProof="0"/>
              <a:t>Klikken om de tekststijl van het model te bewerken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0"/>
          </p:nvPr>
        </p:nvSpPr>
        <p:spPr>
          <a:xfrm>
            <a:off x="643464" y="6446520"/>
            <a:ext cx="3517568" cy="365125"/>
          </a:xfrm>
        </p:spPr>
        <p:txBody>
          <a:bodyPr rtlCol="0"/>
          <a:lstStyle>
            <a:lvl1pPr algn="l">
              <a:defRPr/>
            </a:lvl1pPr>
          </a:lstStyle>
          <a:p>
            <a:fld id="{8DBF8827-6856-4A09-A018-24359788D71A}" type="datetime1">
              <a:rPr lang="en-GB" smtClean="0"/>
              <a:t>17/04/2023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1"/>
          </p:nvPr>
        </p:nvSpPr>
        <p:spPr>
          <a:xfrm>
            <a:off x="5458983" y="6446520"/>
            <a:ext cx="5334019" cy="365125"/>
          </a:xfrm>
        </p:spPr>
        <p:txBody>
          <a:bodyPr rtlCol="0"/>
          <a:lstStyle>
            <a:lvl1pPr algn="l">
              <a:defRPr>
                <a:solidFill>
                  <a:schemeClr val="tx2"/>
                </a:solidFill>
              </a:defRPr>
            </a:lvl1pPr>
          </a:lstStyle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>
            <a:lvl1pPr>
              <a:defRPr>
                <a:solidFill>
                  <a:schemeClr val="tx2"/>
                </a:solidFill>
              </a:defRPr>
            </a:lvl1pPr>
          </a:lstStyle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pic>
        <p:nvPicPr>
          <p:cNvPr id="9" name="Picture 2" descr="logo">
            <a:extLst>
              <a:ext uri="{FF2B5EF4-FFF2-40B4-BE49-F238E27FC236}">
                <a16:creationId xmlns:a16="http://schemas.microsoft.com/office/drawing/2014/main" id="{D17525D0-777E-E021-62FF-D119A86683D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7695" y="95223"/>
            <a:ext cx="1471784" cy="678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3166039231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type="picTx" preserve="1">
  <p:cSld name="Afbeelding met bijsch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hthoek 7">
            <a:extLst>
              <a:ext uri="{FF2B5EF4-FFF2-40B4-BE49-F238E27FC236}">
                <a16:creationId xmlns:a16="http://schemas.microsoft.com/office/drawing/2014/main" id="{DA134939-39C0-4522-A125-A13DFDA66490}"/>
              </a:ext>
            </a:extLst>
          </p:cNvPr>
          <p:cNvSpPr/>
          <p:nvPr/>
        </p:nvSpPr>
        <p:spPr>
          <a:xfrm>
            <a:off x="0" y="4578350"/>
            <a:ext cx="12188825" cy="2279650"/>
          </a:xfrm>
          <a:prstGeom prst="rect">
            <a:avLst/>
          </a:prstGeom>
          <a:solidFill>
            <a:srgbClr val="01D2E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3" name="Tijdelijke aanduiding voor afbeelding 2"/>
          <p:cNvSpPr>
            <a:spLocks noGrp="1" noChangeAspect="1"/>
          </p:cNvSpPr>
          <p:nvPr>
            <p:ph type="pic" idx="1"/>
          </p:nvPr>
        </p:nvSpPr>
        <p:spPr>
          <a:xfrm>
            <a:off x="15" y="0"/>
            <a:ext cx="12191985" cy="4578350"/>
          </a:xfrm>
          <a:solidFill>
            <a:schemeClr val="bg1">
              <a:lumMod val="85000"/>
            </a:schemeClr>
          </a:solidFill>
        </p:spPr>
        <p:txBody>
          <a:bodyPr lIns="457200" tIns="457200" rtlCol="0" anchor="t"/>
          <a:lstStyle>
            <a:lvl1pPr marL="0" indent="0">
              <a:buNone/>
              <a:defRPr sz="3200"/>
            </a:lvl1pPr>
            <a:lvl2pPr marL="457200" indent="0">
              <a:buNone/>
              <a:defRPr sz="2800"/>
            </a:lvl2pPr>
            <a:lvl3pPr marL="914400" indent="0">
              <a:buNone/>
              <a:defRPr sz="2400"/>
            </a:lvl3pPr>
            <a:lvl4pPr marL="1371600" indent="0">
              <a:buNone/>
              <a:defRPr sz="2000"/>
            </a:lvl4pPr>
            <a:lvl5pPr marL="1828800" indent="0">
              <a:buNone/>
              <a:defRPr sz="2000"/>
            </a:lvl5pPr>
            <a:lvl6pPr marL="2286000" indent="0">
              <a:buNone/>
              <a:defRPr sz="2000"/>
            </a:lvl6pPr>
            <a:lvl7pPr marL="2743200" indent="0">
              <a:buNone/>
              <a:defRPr sz="2000"/>
            </a:lvl7pPr>
            <a:lvl8pPr marL="3200400" indent="0">
              <a:buNone/>
              <a:defRPr sz="2000"/>
            </a:lvl8pPr>
            <a:lvl9pPr marL="3657600" indent="0">
              <a:buNone/>
              <a:defRPr sz="2000"/>
            </a:lvl9pPr>
          </a:lstStyle>
          <a:p>
            <a:pPr rtl="0"/>
            <a:r>
              <a:rPr lang="nl-NL" noProof="0"/>
              <a:t>Klik op het pictogram als u een afbeelding wilt toevoegen</a:t>
            </a:r>
            <a:endParaRPr lang="nl-NL" noProof="0" dirty="0"/>
          </a:p>
        </p:txBody>
      </p:sp>
      <p:sp>
        <p:nvSpPr>
          <p:cNvPr id="2" name="Titel 1"/>
          <p:cNvSpPr>
            <a:spLocks noGrp="1"/>
          </p:cNvSpPr>
          <p:nvPr>
            <p:ph type="title"/>
          </p:nvPr>
        </p:nvSpPr>
        <p:spPr>
          <a:xfrm>
            <a:off x="1097279" y="4799362"/>
            <a:ext cx="10113645" cy="743682"/>
          </a:xfrm>
        </p:spPr>
        <p:txBody>
          <a:bodyPr tIns="0" bIns="0" rtlCol="0" anchor="b">
            <a:noAutofit/>
          </a:bodyPr>
          <a:lstStyle>
            <a:lvl1pPr>
              <a:defRPr sz="3600" b="0">
                <a:solidFill>
                  <a:srgbClr val="FFFFFF"/>
                </a:solidFill>
              </a:defRPr>
            </a:lvl1pPr>
          </a:lstStyle>
          <a:p>
            <a:pPr rtl="0"/>
            <a:r>
              <a:rPr lang="nl-NL" noProof="0"/>
              <a:t>Klik om stijl te bewerken</a:t>
            </a:r>
            <a:endParaRPr lang="nl-NL" noProof="0" dirty="0"/>
          </a:p>
        </p:txBody>
      </p:sp>
      <p:sp>
        <p:nvSpPr>
          <p:cNvPr id="4" name="Tijdelijke aanduiding voor tekst 3"/>
          <p:cNvSpPr>
            <a:spLocks noGrp="1"/>
          </p:cNvSpPr>
          <p:nvPr>
            <p:ph type="body" sz="half" idx="2"/>
          </p:nvPr>
        </p:nvSpPr>
        <p:spPr>
          <a:xfrm>
            <a:off x="1097279" y="5715000"/>
            <a:ext cx="10113264" cy="609600"/>
          </a:xfrm>
        </p:spPr>
        <p:txBody>
          <a:bodyPr lIns="91440" tIns="0" rIns="91440" bIns="0" rtlCol="0">
            <a:normAutofit/>
          </a:bodyPr>
          <a:lstStyle>
            <a:lvl1pPr marL="0" indent="0">
              <a:spcBef>
                <a:spcPts val="0"/>
              </a:spcBef>
              <a:spcAft>
                <a:spcPts val="600"/>
              </a:spcAft>
              <a:buNone/>
              <a:defRPr sz="1800">
                <a:solidFill>
                  <a:srgbClr val="FFFFFF"/>
                </a:solidFill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 rtl="0"/>
            <a:r>
              <a:rPr lang="nl-NL" noProof="0"/>
              <a:t>Klikken om de tekststijl van het model te bewerken</a:t>
            </a:r>
          </a:p>
        </p:txBody>
      </p:sp>
      <p:sp>
        <p:nvSpPr>
          <p:cNvPr id="5" name="Tijdelijke aanduiding voor datum 4"/>
          <p:cNvSpPr>
            <a:spLocks noGrp="1"/>
          </p:cNvSpPr>
          <p:nvPr>
            <p:ph type="dt" sz="half" idx="10"/>
          </p:nvPr>
        </p:nvSpPr>
        <p:spPr/>
        <p:txBody>
          <a:bodyPr rtlCol="0"/>
          <a:lstStyle>
            <a:lvl1pPr>
              <a:defRPr/>
            </a:lvl1pPr>
          </a:lstStyle>
          <a:p>
            <a:fld id="{8D2B81A2-5B81-4A11-B009-4CA1936816F2}" type="datetime1">
              <a:rPr lang="en-GB" smtClean="0"/>
              <a:t>17/04/2023</a:t>
            </a:fld>
            <a:endParaRPr lang="en-GB"/>
          </a:p>
        </p:txBody>
      </p:sp>
      <p:sp>
        <p:nvSpPr>
          <p:cNvPr id="6" name="Tijdelijke aanduiding voor voettekst 5"/>
          <p:cNvSpPr>
            <a:spLocks noGrp="1"/>
          </p:cNvSpPr>
          <p:nvPr>
            <p:ph type="ftr" sz="quarter" idx="11"/>
          </p:nvPr>
        </p:nvSpPr>
        <p:spPr>
          <a:xfrm>
            <a:off x="1097279" y="6446838"/>
            <a:ext cx="6818262" cy="365125"/>
          </a:xfrm>
        </p:spPr>
        <p:txBody>
          <a:bodyPr rtlCol="0"/>
          <a:lstStyle/>
          <a:p>
            <a:endParaRPr lang="en-GB"/>
          </a:p>
        </p:txBody>
      </p:sp>
      <p:sp>
        <p:nvSpPr>
          <p:cNvPr id="7" name="Tijdelijke aanduiding voor dianummer 6"/>
          <p:cNvSpPr>
            <a:spLocks noGrp="1"/>
          </p:cNvSpPr>
          <p:nvPr>
            <p:ph type="sldNum" sz="quarter" idx="12"/>
          </p:nvPr>
        </p:nvSpPr>
        <p:spPr/>
        <p:txBody>
          <a:bodyPr rtlCol="0"/>
          <a:lstStyle/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679987958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image" Target="../media/image1.png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theme" Target="../theme/theme1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hthoek 6">
            <a:extLst>
              <a:ext uri="{FF2B5EF4-FFF2-40B4-BE49-F238E27FC236}">
                <a16:creationId xmlns:a16="http://schemas.microsoft.com/office/drawing/2014/main" id="{416A0E3C-60E6-4F39-BC55-5F7C224E1F7C}"/>
              </a:ext>
            </a:extLst>
          </p:cNvPr>
          <p:cNvSpPr/>
          <p:nvPr/>
        </p:nvSpPr>
        <p:spPr>
          <a:xfrm>
            <a:off x="3175" y="6400800"/>
            <a:ext cx="12188825" cy="457200"/>
          </a:xfrm>
          <a:prstGeom prst="rect">
            <a:avLst/>
          </a:prstGeom>
          <a:solidFill>
            <a:srgbClr val="01D2EE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</p:sp>
      <p:sp>
        <p:nvSpPr>
          <p:cNvPr id="2" name="Tijdelijke aanduiding voor titel 1"/>
          <p:cNvSpPr>
            <a:spLocks noGrp="1"/>
          </p:cNvSpPr>
          <p:nvPr>
            <p:ph type="title"/>
          </p:nvPr>
        </p:nvSpPr>
        <p:spPr>
          <a:xfrm>
            <a:off x="1097280" y="286603"/>
            <a:ext cx="10058400" cy="1450757"/>
          </a:xfrm>
          <a:prstGeom prst="rect">
            <a:avLst/>
          </a:prstGeom>
        </p:spPr>
        <p:txBody>
          <a:bodyPr vert="horz" lIns="91440" tIns="45720" rIns="91440" bIns="45720" rtlCol="0" anchor="b">
            <a:normAutofit/>
          </a:bodyPr>
          <a:lstStyle/>
          <a:p>
            <a:pPr rtl="0"/>
            <a:r>
              <a:rPr lang="nl-NL" noProof="0" dirty="0"/>
              <a:t>Klik om de titelstijl van het model te bewerken</a:t>
            </a:r>
          </a:p>
        </p:txBody>
      </p:sp>
      <p:sp>
        <p:nvSpPr>
          <p:cNvPr id="3" name="Tijdelijke aanduiding voor tekst 2"/>
          <p:cNvSpPr>
            <a:spLocks noGrp="1"/>
          </p:cNvSpPr>
          <p:nvPr>
            <p:ph type="body" idx="1"/>
          </p:nvPr>
        </p:nvSpPr>
        <p:spPr>
          <a:xfrm>
            <a:off x="1097280" y="2108201"/>
            <a:ext cx="10058400" cy="3760891"/>
          </a:xfrm>
          <a:prstGeom prst="rect">
            <a:avLst/>
          </a:prstGeom>
        </p:spPr>
        <p:txBody>
          <a:bodyPr vert="horz" lIns="0" tIns="45720" rIns="0" bIns="45720" rtlCol="0">
            <a:normAutofit/>
          </a:bodyPr>
          <a:lstStyle/>
          <a:p>
            <a:pPr lvl="0" rtl="0"/>
            <a:r>
              <a:rPr lang="nl-NL" noProof="0" dirty="0"/>
              <a:t>Klik om de tekststijlen van het model te bewerken</a:t>
            </a:r>
          </a:p>
          <a:p>
            <a:pPr lvl="1" rtl="0"/>
            <a:r>
              <a:rPr lang="nl-NL" noProof="0" dirty="0"/>
              <a:t>Tweede niveau</a:t>
            </a:r>
          </a:p>
          <a:p>
            <a:pPr lvl="2" rtl="0"/>
            <a:r>
              <a:rPr lang="nl-NL" noProof="0" dirty="0"/>
              <a:t>Derde niveau</a:t>
            </a:r>
          </a:p>
          <a:p>
            <a:pPr lvl="3" rtl="0"/>
            <a:r>
              <a:rPr lang="nl-NL" noProof="0" dirty="0"/>
              <a:t>Vierde niveau</a:t>
            </a:r>
          </a:p>
          <a:p>
            <a:pPr lvl="4" rtl="0"/>
            <a:r>
              <a:rPr lang="nl-NL" noProof="0" dirty="0"/>
              <a:t>Vijfde niveau</a:t>
            </a:r>
          </a:p>
        </p:txBody>
      </p:sp>
      <p:sp>
        <p:nvSpPr>
          <p:cNvPr id="4" name="Tijdelijke aanduiding voor datum 3"/>
          <p:cNvSpPr>
            <a:spLocks noGrp="1"/>
          </p:cNvSpPr>
          <p:nvPr>
            <p:ph type="dt" sz="half" idx="2"/>
          </p:nvPr>
        </p:nvSpPr>
        <p:spPr>
          <a:xfrm>
            <a:off x="8218426" y="6446838"/>
            <a:ext cx="258485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r">
              <a:defRPr sz="900">
                <a:solidFill>
                  <a:srgbClr val="FFFFFF"/>
                </a:solidFill>
              </a:defRPr>
            </a:lvl1pPr>
          </a:lstStyle>
          <a:p>
            <a:fld id="{7678AA31-385E-486D-A654-59401A2A3B5E}" type="datetime1">
              <a:rPr lang="en-GB" smtClean="0"/>
              <a:pPr/>
              <a:t>17/04/2023</a:t>
            </a:fld>
            <a:endParaRPr lang="en-GB"/>
          </a:p>
        </p:txBody>
      </p:sp>
      <p:sp>
        <p:nvSpPr>
          <p:cNvPr id="5" name="Tijdelijke aanduiding voor voettekst 4"/>
          <p:cNvSpPr>
            <a:spLocks noGrp="1"/>
          </p:cNvSpPr>
          <p:nvPr>
            <p:ph type="ftr" sz="quarter" idx="3"/>
          </p:nvPr>
        </p:nvSpPr>
        <p:spPr>
          <a:xfrm>
            <a:off x="1097279" y="6446838"/>
            <a:ext cx="6818262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 cap="all" baseline="0">
                <a:solidFill>
                  <a:srgbClr val="FFFFFF"/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Tijdelijke aanduiding voor dianummer 5"/>
          <p:cNvSpPr>
            <a:spLocks noGrp="1"/>
          </p:cNvSpPr>
          <p:nvPr>
            <p:ph type="sldNum" sz="quarter" idx="4"/>
          </p:nvPr>
        </p:nvSpPr>
        <p:spPr>
          <a:xfrm>
            <a:off x="10993582" y="6446838"/>
            <a:ext cx="780010" cy="365125"/>
          </a:xfrm>
          <a:prstGeom prst="rect">
            <a:avLst/>
          </a:prstGeom>
        </p:spPr>
        <p:txBody>
          <a:bodyPr vert="horz" lIns="91440" tIns="45720" rIns="91440" bIns="45720" rtlCol="0" anchor="ctr"/>
          <a:lstStyle>
            <a:lvl1pPr algn="l">
              <a:defRPr sz="900">
                <a:solidFill>
                  <a:srgbClr val="FFFFFF"/>
                </a:solidFill>
              </a:defRPr>
            </a:lvl1pPr>
          </a:lstStyle>
          <a:p>
            <a:fld id="{83D1311D-0AF4-BF42-8BF9-EAD1FE65203C}" type="slidenum">
              <a:rPr lang="en-GB" smtClean="0"/>
              <a:pPr/>
              <a:t>‹nr.›</a:t>
            </a:fld>
            <a:endParaRPr lang="en-GB"/>
          </a:p>
        </p:txBody>
      </p:sp>
      <p:cxnSp>
        <p:nvCxnSpPr>
          <p:cNvPr id="10" name="Rechte verbindingslijn 9">
            <a:extLst>
              <a:ext uri="{FF2B5EF4-FFF2-40B4-BE49-F238E27FC236}">
                <a16:creationId xmlns:a16="http://schemas.microsoft.com/office/drawing/2014/main" id="{C5025DAC-8B93-4160-B017-3A274A5828C0}"/>
              </a:ext>
            </a:extLst>
          </p:cNvPr>
          <p:cNvCxnSpPr/>
          <p:nvPr/>
        </p:nvCxnSpPr>
        <p:spPr>
          <a:xfrm>
            <a:off x="1193532" y="1897380"/>
            <a:ext cx="9966960" cy="0"/>
          </a:xfrm>
          <a:prstGeom prst="line">
            <a:avLst/>
          </a:prstGeom>
          <a:ln w="12700">
            <a:solidFill>
              <a:schemeClr val="tx1">
                <a:lumMod val="75000"/>
                <a:lumOff val="25000"/>
              </a:schemeClr>
            </a:solidFill>
          </a:ln>
        </p:spPr>
        <p:style>
          <a:lnRef idx="1">
            <a:schemeClr val="accent1"/>
          </a:lnRef>
          <a:fillRef idx="0">
            <a:schemeClr val="accent1"/>
          </a:fillRef>
          <a:effectRef idx="0">
            <a:schemeClr val="accent1"/>
          </a:effectRef>
          <a:fontRef idx="minor">
            <a:schemeClr val="tx1"/>
          </a:fontRef>
        </p:style>
      </p:cxnSp>
      <p:pic>
        <p:nvPicPr>
          <p:cNvPr id="8" name="Picture 2" descr="logo">
            <a:extLst>
              <a:ext uri="{FF2B5EF4-FFF2-40B4-BE49-F238E27FC236}">
                <a16:creationId xmlns:a16="http://schemas.microsoft.com/office/drawing/2014/main" id="{78D0136F-C3F5-434C-BFF4-D7374290FB79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10647695" y="95223"/>
            <a:ext cx="1471784" cy="67822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82249667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4018" r:id="rId1"/>
    <p:sldLayoutId id="2147484019" r:id="rId2"/>
    <p:sldLayoutId id="2147484020" r:id="rId3"/>
    <p:sldLayoutId id="2147484021" r:id="rId4"/>
    <p:sldLayoutId id="2147484022" r:id="rId5"/>
    <p:sldLayoutId id="2147484023" r:id="rId6"/>
    <p:sldLayoutId id="2147484024" r:id="rId7"/>
    <p:sldLayoutId id="2147484025" r:id="rId8"/>
    <p:sldLayoutId id="2147484026" r:id="rId9"/>
    <p:sldLayoutId id="2147484027" r:id="rId10"/>
    <p:sldLayoutId id="2147484028" r:id="rId11"/>
    <p:sldLayoutId id="2147484000" r:id="rId12"/>
    <p:sldLayoutId id="2147484001" r:id="rId13"/>
    <p:sldLayoutId id="2147484002" r:id="rId14"/>
    <p:sldLayoutId id="2147483982" r:id="rId15"/>
    <p:sldLayoutId id="2147483966" r:id="rId16"/>
    <p:sldLayoutId id="2147483968" r:id="rId17"/>
    <p:sldLayoutId id="2147483972" r:id="rId18"/>
    <p:sldLayoutId id="2147483973" r:id="rId19"/>
    <p:sldLayoutId id="2147483984" r:id="rId20"/>
    <p:sldLayoutId id="2147483970" r:id="rId21"/>
    <p:sldLayoutId id="2147483985" r:id="rId22"/>
  </p:sldLayoutIdLst>
  <p:hf hdr="0"/>
  <p:txStyles>
    <p:titleStyle>
      <a:lvl1pPr algn="l" defTabSz="914400" rtl="0" eaLnBrk="1" latinLnBrk="0" hangingPunct="1">
        <a:lnSpc>
          <a:spcPct val="90000"/>
        </a:lnSpc>
        <a:spcBef>
          <a:spcPct val="0"/>
        </a:spcBef>
        <a:buNone/>
        <a:defRPr sz="4600" kern="1200" spc="-50" baseline="0">
          <a:solidFill>
            <a:schemeClr val="tx1">
              <a:lumMod val="75000"/>
              <a:lumOff val="25000"/>
            </a:schemeClr>
          </a:solidFill>
          <a:latin typeface="+mj-lt"/>
          <a:ea typeface="+mj-ea"/>
          <a:cs typeface="+mj-cs"/>
        </a:defRPr>
      </a:lvl1pPr>
    </p:titleStyle>
    <p:bodyStyle>
      <a:lvl1pPr marL="91440" indent="-91440" algn="l" defTabSz="914400" rtl="0" eaLnBrk="1" latinLnBrk="0" hangingPunct="1">
        <a:lnSpc>
          <a:spcPct val="110000"/>
        </a:lnSpc>
        <a:spcBef>
          <a:spcPts val="1200"/>
        </a:spcBef>
        <a:spcAft>
          <a:spcPts val="200"/>
        </a:spcAft>
        <a:buClr>
          <a:schemeClr val="accent1"/>
        </a:buClr>
        <a:buSzPct val="100000"/>
        <a:buFont typeface="Calibri" panose="020F0502020204030204" pitchFamily="34" charset="0"/>
        <a:buChar char=" "/>
        <a:defRPr sz="20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1pPr>
      <a:lvl2pPr marL="384048" indent="-182880" algn="l" defTabSz="914400" rtl="0" eaLnBrk="1" latinLnBrk="0" hangingPunct="1">
        <a:lnSpc>
          <a:spcPct val="100000"/>
        </a:lnSpc>
        <a:spcBef>
          <a:spcPts val="200"/>
        </a:spcBef>
        <a:spcAft>
          <a:spcPts val="400"/>
        </a:spcAft>
        <a:buClrTx/>
        <a:buFont typeface="Calibri" pitchFamily="34" charset="0"/>
        <a:buChar char="◦"/>
        <a:defRPr sz="18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2pPr>
      <a:lvl3pPr marL="566928" indent="-182880" algn="l" defTabSz="914400" rtl="0" eaLnBrk="1" latinLnBrk="0" hangingPunct="1">
        <a:lnSpc>
          <a:spcPct val="100000"/>
        </a:lnSpc>
        <a:spcBef>
          <a:spcPts val="200"/>
        </a:spcBef>
        <a:spcAft>
          <a:spcPts val="400"/>
        </a:spcAft>
        <a:buClrTx/>
        <a:buFont typeface="Calibri" pitchFamily="34" charset="0"/>
        <a:buChar char="◦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3pPr>
      <a:lvl4pPr marL="749808" indent="-182880" algn="l" defTabSz="914400" rtl="0" eaLnBrk="1" latinLnBrk="0" hangingPunct="1">
        <a:lnSpc>
          <a:spcPct val="100000"/>
        </a:lnSpc>
        <a:spcBef>
          <a:spcPts val="200"/>
        </a:spcBef>
        <a:spcAft>
          <a:spcPts val="400"/>
        </a:spcAft>
        <a:buClrTx/>
        <a:buFont typeface="Calibri" pitchFamily="34" charset="0"/>
        <a:buChar char="◦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4pPr>
      <a:lvl5pPr marL="932688" indent="-182880" algn="l" defTabSz="914400" rtl="0" eaLnBrk="1" latinLnBrk="0" hangingPunct="1">
        <a:lnSpc>
          <a:spcPct val="100000"/>
        </a:lnSpc>
        <a:spcBef>
          <a:spcPts val="200"/>
        </a:spcBef>
        <a:spcAft>
          <a:spcPts val="400"/>
        </a:spcAft>
        <a:buClrTx/>
        <a:buFont typeface="Calibri" pitchFamily="34" charset="0"/>
        <a:buChar char="◦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5pPr>
      <a:lvl6pPr marL="1100000" indent="-228600" algn="l" defTabSz="914400" rtl="0" eaLnBrk="1" latinLnBrk="0" hangingPunct="1">
        <a:lnSpc>
          <a:spcPct val="90000"/>
        </a:lnSpc>
        <a:spcBef>
          <a:spcPts val="200"/>
        </a:spcBef>
        <a:spcAft>
          <a:spcPts val="400"/>
        </a:spcAft>
        <a:buClr>
          <a:schemeClr val="accent1"/>
        </a:buClr>
        <a:buFont typeface="Calibri" pitchFamily="34" charset="0"/>
        <a:buChar char="◦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6pPr>
      <a:lvl7pPr marL="1300000" indent="-228600" algn="l" defTabSz="914400" rtl="0" eaLnBrk="1" latinLnBrk="0" hangingPunct="1">
        <a:lnSpc>
          <a:spcPct val="90000"/>
        </a:lnSpc>
        <a:spcBef>
          <a:spcPts val="200"/>
        </a:spcBef>
        <a:spcAft>
          <a:spcPts val="400"/>
        </a:spcAft>
        <a:buClr>
          <a:schemeClr val="accent1"/>
        </a:buClr>
        <a:buFont typeface="Calibri" pitchFamily="34" charset="0"/>
        <a:buChar char="◦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7pPr>
      <a:lvl8pPr marL="1500000" indent="-228600" algn="l" defTabSz="914400" rtl="0" eaLnBrk="1" latinLnBrk="0" hangingPunct="1">
        <a:lnSpc>
          <a:spcPct val="90000"/>
        </a:lnSpc>
        <a:spcBef>
          <a:spcPts val="200"/>
        </a:spcBef>
        <a:spcAft>
          <a:spcPts val="400"/>
        </a:spcAft>
        <a:buClr>
          <a:schemeClr val="accent1"/>
        </a:buClr>
        <a:buFont typeface="Calibri" pitchFamily="34" charset="0"/>
        <a:buChar char="◦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8pPr>
      <a:lvl9pPr marL="1700000" indent="-228600" algn="l" defTabSz="914400" rtl="0" eaLnBrk="1" latinLnBrk="0" hangingPunct="1">
        <a:lnSpc>
          <a:spcPct val="90000"/>
        </a:lnSpc>
        <a:spcBef>
          <a:spcPts val="200"/>
        </a:spcBef>
        <a:spcAft>
          <a:spcPts val="400"/>
        </a:spcAft>
        <a:buClr>
          <a:schemeClr val="accent1"/>
        </a:buClr>
        <a:buFont typeface="Calibri" pitchFamily="34" charset="0"/>
        <a:buChar char="◦"/>
        <a:defRPr sz="1400" kern="1200">
          <a:solidFill>
            <a:schemeClr val="tx1">
              <a:lumMod val="75000"/>
              <a:lumOff val="25000"/>
            </a:schemeClr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0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1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4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11.xml"/></Relationships>
</file>

<file path=ppt/slides/_rels/slide6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2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1" name="Text Placeholder 50">
            <a:extLst>
              <a:ext uri="{FF2B5EF4-FFF2-40B4-BE49-F238E27FC236}">
                <a16:creationId xmlns:a16="http://schemas.microsoft.com/office/drawing/2014/main" id="{DA589894-A1A7-466E-9263-32F076411467}"/>
              </a:ext>
            </a:extLst>
          </p:cNvPr>
          <p:cNvSpPr>
            <a:spLocks noGrp="1"/>
          </p:cNvSpPr>
          <p:nvPr>
            <p:ph type="body" sz="quarter" idx="4294967295"/>
          </p:nvPr>
        </p:nvSpPr>
        <p:spPr>
          <a:xfrm>
            <a:off x="10318971" y="6026149"/>
            <a:ext cx="1566642" cy="617539"/>
          </a:xfrm>
        </p:spPr>
        <p:txBody>
          <a:bodyPr/>
          <a:lstStyle/>
          <a:p>
            <a:endParaRPr lang="en-US"/>
          </a:p>
        </p:txBody>
      </p:sp>
      <p:sp>
        <p:nvSpPr>
          <p:cNvPr id="49" name="Title 48">
            <a:extLst>
              <a:ext uri="{FF2B5EF4-FFF2-40B4-BE49-F238E27FC236}">
                <a16:creationId xmlns:a16="http://schemas.microsoft.com/office/drawing/2014/main" id="{D88D8CE8-2D4A-4FA3-9C9E-C90B6231A06B}"/>
              </a:ext>
            </a:extLst>
          </p:cNvPr>
          <p:cNvSpPr>
            <a:spLocks noGrp="1"/>
          </p:cNvSpPr>
          <p:nvPr>
            <p:ph type="ctrTitle"/>
          </p:nvPr>
        </p:nvSpPr>
        <p:spPr>
          <a:xfrm>
            <a:off x="631825" y="2084044"/>
            <a:ext cx="8605165" cy="894117"/>
          </a:xfrm>
        </p:spPr>
        <p:txBody>
          <a:bodyPr/>
          <a:lstStyle/>
          <a:p>
            <a:r>
              <a:rPr lang="en-US" dirty="0">
                <a:solidFill>
                  <a:srgbClr val="120359"/>
                </a:solidFill>
              </a:rPr>
              <a:t>MDO </a:t>
            </a:r>
            <a:r>
              <a:rPr lang="en-US" dirty="0" err="1">
                <a:solidFill>
                  <a:srgbClr val="120359"/>
                </a:solidFill>
              </a:rPr>
              <a:t>vulvapathologie</a:t>
            </a:r>
            <a:endParaRPr lang="en-US" dirty="0">
              <a:solidFill>
                <a:srgbClr val="120359"/>
              </a:solidFill>
            </a:endParaRPr>
          </a:p>
        </p:txBody>
      </p:sp>
      <p:sp>
        <p:nvSpPr>
          <p:cNvPr id="50" name="Subtitle 49">
            <a:extLst>
              <a:ext uri="{FF2B5EF4-FFF2-40B4-BE49-F238E27FC236}">
                <a16:creationId xmlns:a16="http://schemas.microsoft.com/office/drawing/2014/main" id="{E9889287-D84F-431C-A362-63BC2765582D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/>
          <a:lstStyle/>
          <a:p>
            <a:endParaRPr lang="en-US" dirty="0"/>
          </a:p>
        </p:txBody>
      </p:sp>
      <p:sp>
        <p:nvSpPr>
          <p:cNvPr id="53" name="Text Placeholder 52">
            <a:extLst>
              <a:ext uri="{FF2B5EF4-FFF2-40B4-BE49-F238E27FC236}">
                <a16:creationId xmlns:a16="http://schemas.microsoft.com/office/drawing/2014/main" id="{F213C09C-2D21-4E46-9251-BE0383F26827}"/>
              </a:ext>
            </a:extLst>
          </p:cNvPr>
          <p:cNvSpPr>
            <a:spLocks noGrp="1"/>
          </p:cNvSpPr>
          <p:nvPr>
            <p:ph type="body" sz="quarter" idx="18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  <p:sp>
        <p:nvSpPr>
          <p:cNvPr id="6" name="Date Placeholder 5">
            <a:extLst>
              <a:ext uri="{FF2B5EF4-FFF2-40B4-BE49-F238E27FC236}">
                <a16:creationId xmlns:a16="http://schemas.microsoft.com/office/drawing/2014/main" id="{3DFD2452-20B8-4400-BEF8-E3A6173D0469}"/>
              </a:ext>
            </a:extLst>
          </p:cNvPr>
          <p:cNvSpPr>
            <a:spLocks noGrp="1"/>
          </p:cNvSpPr>
          <p:nvPr>
            <p:ph type="dt" sz="half" idx="4294967295"/>
          </p:nvPr>
        </p:nvSpPr>
        <p:spPr>
          <a:xfrm>
            <a:off x="0" y="7165975"/>
            <a:ext cx="831850" cy="200025"/>
          </a:xfrm>
        </p:spPr>
        <p:txBody>
          <a:bodyPr/>
          <a:lstStyle/>
          <a:p>
            <a:fld id="{4FC09DFC-B8F8-4958-9D34-83C08EAA181D}" type="datetime1">
              <a:rPr lang="en-GB" smtClean="0"/>
              <a:t>17/04/2023</a:t>
            </a:fld>
            <a:endParaRPr lang="en-GB"/>
          </a:p>
        </p:txBody>
      </p: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74C77126-2368-43BD-8B9B-1BA3370140D7}"/>
              </a:ext>
            </a:extLst>
          </p:cNvPr>
          <p:cNvSpPr>
            <a:spLocks noGrp="1"/>
          </p:cNvSpPr>
          <p:nvPr>
            <p:ph type="sldNum" sz="quarter" idx="4294967295"/>
          </p:nvPr>
        </p:nvSpPr>
        <p:spPr>
          <a:xfrm>
            <a:off x="11706225" y="7165975"/>
            <a:ext cx="485775" cy="200025"/>
          </a:xfrm>
        </p:spPr>
        <p:txBody>
          <a:bodyPr/>
          <a:lstStyle/>
          <a:p>
            <a:fld id="{83D1311D-0AF4-BF42-8BF9-EAD1FE65203C}" type="slidenum">
              <a:rPr lang="en-GB" smtClean="0"/>
              <a:pPr/>
              <a:t>1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4397245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369D1E6-EFDB-4FF7-A4FE-C32730E8D73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48" y="1415649"/>
            <a:ext cx="5026783" cy="823912"/>
          </a:xfrm>
        </p:spPr>
        <p:txBody>
          <a:bodyPr/>
          <a:lstStyle/>
          <a:p>
            <a:r>
              <a:rPr lang="en-US" dirty="0" err="1"/>
              <a:t>Algemeen</a:t>
            </a:r>
            <a:endParaRPr lang="en-US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2ECE6FE5-9BF2-428E-A018-E705F361C29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415649"/>
            <a:ext cx="5028406" cy="823912"/>
          </a:xfrm>
        </p:spPr>
        <p:txBody>
          <a:bodyPr/>
          <a:lstStyle/>
          <a:p>
            <a:r>
              <a:rPr lang="en-US" dirty="0" err="1"/>
              <a:t>Hoofdklacht</a:t>
            </a:r>
            <a:endParaRPr lang="en-US" dirty="0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6B2912E-8EF2-4834-B1B6-9EA8D8E7DEC6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239561"/>
            <a:ext cx="5028405" cy="3618313"/>
          </a:xfrm>
        </p:spPr>
        <p:txBody>
          <a:bodyPr>
            <a:normAutofit fontScale="92500" lnSpcReduction="10000"/>
          </a:bodyPr>
          <a:lstStyle/>
          <a:p>
            <a:pPr marL="0" indent="0">
              <a:buNone/>
            </a:pPr>
            <a:r>
              <a:rPr lang="en-US" dirty="0" err="1"/>
              <a:t>Relevante</a:t>
            </a:r>
            <a:r>
              <a:rPr lang="en-US" dirty="0"/>
              <a:t> </a:t>
            </a:r>
            <a:r>
              <a:rPr lang="en-US" dirty="0" err="1"/>
              <a:t>voorgeschiedenis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r>
              <a:rPr lang="en-US" dirty="0" err="1"/>
              <a:t>Medicatie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22A7BF5C-0A5A-462B-B7D2-3E00B63779EA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239561"/>
            <a:ext cx="5028406" cy="3618313"/>
          </a:xfrm>
        </p:spPr>
        <p:txBody>
          <a:bodyPr>
            <a:normAutofit fontScale="85000" lnSpcReduction="20000"/>
          </a:bodyPr>
          <a:lstStyle/>
          <a:p>
            <a:pPr marL="0" indent="0">
              <a:buNone/>
            </a:pPr>
            <a:r>
              <a:rPr lang="en-US" dirty="0" err="1"/>
              <a:t>Beloop</a:t>
            </a:r>
            <a:endParaRPr lang="en-US" dirty="0"/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r>
              <a:rPr lang="en-US" dirty="0" err="1"/>
              <a:t>Therapeutische</a:t>
            </a:r>
            <a:r>
              <a:rPr lang="en-US" dirty="0"/>
              <a:t> VG</a:t>
            </a:r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r>
              <a:rPr lang="en-US" dirty="0"/>
              <a:t>-</a:t>
            </a:r>
          </a:p>
          <a:p>
            <a:pPr marL="0" indent="0">
              <a:buNone/>
            </a:pPr>
            <a:endParaRPr lang="en-US" dirty="0"/>
          </a:p>
        </p:txBody>
      </p:sp>
      <p:sp>
        <p:nvSpPr>
          <p:cNvPr id="3" name="Ondertitel 2">
            <a:extLst>
              <a:ext uri="{FF2B5EF4-FFF2-40B4-BE49-F238E27FC236}">
                <a16:creationId xmlns:a16="http://schemas.microsoft.com/office/drawing/2014/main" id="{E028B9ED-30F0-A6A4-A792-7530E6226D82}"/>
              </a:ext>
            </a:extLst>
          </p:cNvPr>
          <p:cNvSpPr>
            <a:spLocks noGrp="1"/>
          </p:cNvSpPr>
          <p:nvPr>
            <p:ph type="subTitle" idx="13"/>
          </p:nvPr>
        </p:nvSpPr>
        <p:spPr/>
        <p:txBody>
          <a:bodyPr/>
          <a:lstStyle/>
          <a:p>
            <a:endParaRPr lang="nl-NL" dirty="0"/>
          </a:p>
        </p:txBody>
      </p:sp>
      <p:sp>
        <p:nvSpPr>
          <p:cNvPr id="14" name="Title 13">
            <a:extLst>
              <a:ext uri="{FF2B5EF4-FFF2-40B4-BE49-F238E27FC236}">
                <a16:creationId xmlns:a16="http://schemas.microsoft.com/office/drawing/2014/main" id="{F4A82614-4494-4480-BBFF-2418489CD55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385181" y="101306"/>
            <a:ext cx="10058400" cy="1450757"/>
          </a:xfrm>
        </p:spPr>
        <p:txBody>
          <a:bodyPr>
            <a:normAutofit/>
          </a:bodyPr>
          <a:lstStyle/>
          <a:p>
            <a:r>
              <a:rPr lang="en-US" dirty="0"/>
              <a:t>{</a:t>
            </a:r>
            <a:r>
              <a:rPr lang="en-US" dirty="0" err="1"/>
              <a:t>Initialen</a:t>
            </a:r>
            <a:r>
              <a:rPr lang="en-US" dirty="0"/>
              <a:t> of </a:t>
            </a:r>
            <a:r>
              <a:rPr lang="en-US" dirty="0" err="1"/>
              <a:t>naam</a:t>
            </a:r>
            <a:r>
              <a:rPr lang="en-US" dirty="0"/>
              <a:t>/</a:t>
            </a:r>
            <a:r>
              <a:rPr lang="en-US" dirty="0" err="1"/>
              <a:t>leeftijd</a:t>
            </a:r>
            <a:r>
              <a:rPr lang="en-US" dirty="0"/>
              <a:t> </a:t>
            </a:r>
            <a:r>
              <a:rPr lang="en-US" dirty="0" err="1"/>
              <a:t>patiente</a:t>
            </a:r>
            <a:r>
              <a:rPr lang="en-US" dirty="0"/>
              <a:t>}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pPr/>
              <a:t>17/04/2023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2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37370692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5" name="Text Placeholder 14">
            <a:extLst>
              <a:ext uri="{FF2B5EF4-FFF2-40B4-BE49-F238E27FC236}">
                <a16:creationId xmlns:a16="http://schemas.microsoft.com/office/drawing/2014/main" id="{D369D1E6-EFDB-4FF7-A4FE-C32730E8D73B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633448" y="1463626"/>
            <a:ext cx="5026783" cy="823912"/>
          </a:xfrm>
        </p:spPr>
        <p:txBody>
          <a:bodyPr/>
          <a:lstStyle/>
          <a:p>
            <a:r>
              <a:rPr lang="en-US" dirty="0" err="1"/>
              <a:t>Lichamelijk</a:t>
            </a:r>
            <a:r>
              <a:rPr lang="en-US" dirty="0"/>
              <a:t> </a:t>
            </a:r>
            <a:r>
              <a:rPr lang="en-US" dirty="0" err="1"/>
              <a:t>onderzoek</a:t>
            </a:r>
            <a:endParaRPr lang="en-US" dirty="0"/>
          </a:p>
        </p:txBody>
      </p:sp>
      <p:sp>
        <p:nvSpPr>
          <p:cNvPr id="17" name="Text Placeholder 16">
            <a:extLst>
              <a:ext uri="{FF2B5EF4-FFF2-40B4-BE49-F238E27FC236}">
                <a16:creationId xmlns:a16="http://schemas.microsoft.com/office/drawing/2014/main" id="{2ECE6FE5-9BF2-428E-A018-E705F361C29C}"/>
              </a:ext>
            </a:extLst>
          </p:cNvPr>
          <p:cNvSpPr>
            <a:spLocks noGrp="1"/>
          </p:cNvSpPr>
          <p:nvPr>
            <p:ph type="body" sz="quarter" idx="3"/>
          </p:nvPr>
        </p:nvSpPr>
        <p:spPr>
          <a:xfrm>
            <a:off x="5812630" y="1448043"/>
            <a:ext cx="5028406" cy="823912"/>
          </a:xfrm>
        </p:spPr>
        <p:txBody>
          <a:bodyPr/>
          <a:lstStyle/>
          <a:p>
            <a:r>
              <a:rPr lang="en-US" dirty="0" err="1"/>
              <a:t>Aanvullend</a:t>
            </a:r>
            <a:r>
              <a:rPr lang="en-US" dirty="0"/>
              <a:t> </a:t>
            </a:r>
            <a:r>
              <a:rPr lang="en-US" dirty="0" err="1"/>
              <a:t>onderzoek</a:t>
            </a:r>
            <a:endParaRPr lang="en-US" dirty="0"/>
          </a:p>
        </p:txBody>
      </p:sp>
      <p:sp>
        <p:nvSpPr>
          <p:cNvPr id="19" name="Content Placeholder 18">
            <a:extLst>
              <a:ext uri="{FF2B5EF4-FFF2-40B4-BE49-F238E27FC236}">
                <a16:creationId xmlns:a16="http://schemas.microsoft.com/office/drawing/2014/main" id="{F6B2912E-8EF2-4834-B1B6-9EA8D8E7DEC6}"/>
              </a:ext>
            </a:extLst>
          </p:cNvPr>
          <p:cNvSpPr>
            <a:spLocks noGrp="1"/>
          </p:cNvSpPr>
          <p:nvPr>
            <p:ph sz="half" idx="14"/>
          </p:nvPr>
        </p:nvSpPr>
        <p:spPr>
          <a:xfrm>
            <a:off x="631826" y="2340244"/>
            <a:ext cx="5028405" cy="3517630"/>
          </a:xfrm>
        </p:spPr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16" name="Content Placeholder 15">
            <a:extLst>
              <a:ext uri="{FF2B5EF4-FFF2-40B4-BE49-F238E27FC236}">
                <a16:creationId xmlns:a16="http://schemas.microsoft.com/office/drawing/2014/main" id="{22A7BF5C-0A5A-462B-B7D2-3E00B63779EA}"/>
              </a:ext>
            </a:extLst>
          </p:cNvPr>
          <p:cNvSpPr>
            <a:spLocks noGrp="1"/>
          </p:cNvSpPr>
          <p:nvPr>
            <p:ph sz="half" idx="2"/>
          </p:nvPr>
        </p:nvSpPr>
        <p:spPr>
          <a:xfrm>
            <a:off x="5812630" y="2340244"/>
            <a:ext cx="5028406" cy="3517630"/>
          </a:xfrm>
        </p:spPr>
        <p:txBody>
          <a:bodyPr/>
          <a:lstStyle/>
          <a:p>
            <a:pPr marL="0" indent="0">
              <a:buNone/>
            </a:pPr>
            <a:endParaRPr lang="en-US" dirty="0"/>
          </a:p>
        </p:txBody>
      </p:sp>
      <p:sp>
        <p:nvSpPr>
          <p:cNvPr id="18" name="Subtitle 17">
            <a:extLst>
              <a:ext uri="{FF2B5EF4-FFF2-40B4-BE49-F238E27FC236}">
                <a16:creationId xmlns:a16="http://schemas.microsoft.com/office/drawing/2014/main" id="{02DC4ECE-7EF7-43F4-9651-0099A416E3D3}"/>
              </a:ext>
            </a:extLst>
          </p:cNvPr>
          <p:cNvSpPr>
            <a:spLocks noGrp="1"/>
          </p:cNvSpPr>
          <p:nvPr>
            <p:ph type="subTitle" idx="13"/>
          </p:nvPr>
        </p:nvSpPr>
        <p:spPr>
          <a:xfrm>
            <a:off x="736374" y="865848"/>
            <a:ext cx="10104663" cy="631702"/>
          </a:xfrm>
        </p:spPr>
        <p:txBody>
          <a:bodyPr/>
          <a:lstStyle/>
          <a:p>
            <a:r>
              <a:rPr lang="en-US" dirty="0"/>
              <a:t>[</a:t>
            </a:r>
            <a:r>
              <a:rPr lang="en-US" dirty="0" err="1"/>
              <a:t>Reden</a:t>
            </a:r>
            <a:r>
              <a:rPr lang="en-US" dirty="0"/>
              <a:t> van </a:t>
            </a:r>
            <a:r>
              <a:rPr lang="en-US" dirty="0" err="1"/>
              <a:t>bespreking</a:t>
            </a:r>
            <a:r>
              <a:rPr lang="en-US" dirty="0"/>
              <a:t>]</a:t>
            </a:r>
          </a:p>
        </p:txBody>
      </p:sp>
      <p:sp>
        <p:nvSpPr>
          <p:cNvPr id="5" name="Date Placeholder 4">
            <a:extLst>
              <a:ext uri="{FF2B5EF4-FFF2-40B4-BE49-F238E27FC236}">
                <a16:creationId xmlns:a16="http://schemas.microsoft.com/office/drawing/2014/main" id="{E6DF0C1F-ED6C-496C-8B8D-0057C67F43B0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E02C8C58-7455-42B9-A9FD-EE48EC293C11}" type="datetime1">
              <a:rPr lang="en-GB" smtClean="0"/>
              <a:pPr/>
              <a:t>17/04/2023</a:t>
            </a:fld>
            <a:endParaRPr lang="en-GB"/>
          </a:p>
        </p:txBody>
      </p:sp>
      <p:sp>
        <p:nvSpPr>
          <p:cNvPr id="6" name="Footer Placeholder 5">
            <a:extLst>
              <a:ext uri="{FF2B5EF4-FFF2-40B4-BE49-F238E27FC236}">
                <a16:creationId xmlns:a16="http://schemas.microsoft.com/office/drawing/2014/main" id="{F49F28FD-BD19-4AA1-9119-7C7C70C6C386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>
            <a:extLst>
              <a:ext uri="{FF2B5EF4-FFF2-40B4-BE49-F238E27FC236}">
                <a16:creationId xmlns:a16="http://schemas.microsoft.com/office/drawing/2014/main" id="{19BF589D-A6E7-4F34-99B1-A168B095D767}"/>
              </a:ext>
            </a:extLst>
          </p:cNvPr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3</a:t>
            </a:fld>
            <a:endParaRPr lang="en-GB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3391204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inhoud 3"/>
          <p:cNvSpPr>
            <a:spLocks noGrp="1"/>
          </p:cNvSpPr>
          <p:nvPr>
            <p:ph sz="half" idx="14"/>
          </p:nvPr>
        </p:nvSpPr>
        <p:spPr>
          <a:xfrm>
            <a:off x="631826" y="1239864"/>
            <a:ext cx="5028405" cy="4618010"/>
          </a:xfrm>
        </p:spPr>
        <p:txBody>
          <a:bodyPr/>
          <a:lstStyle/>
          <a:p>
            <a:r>
              <a:rPr lang="en-US" dirty="0" err="1"/>
              <a:t>foto</a:t>
            </a:r>
            <a:endParaRPr lang="nl-NL" dirty="0"/>
          </a:p>
        </p:txBody>
      </p:sp>
      <p:sp>
        <p:nvSpPr>
          <p:cNvPr id="5" name="Tijdelijke aanduiding voor inhoud 4"/>
          <p:cNvSpPr>
            <a:spLocks noGrp="1"/>
          </p:cNvSpPr>
          <p:nvPr>
            <p:ph sz="half" idx="2"/>
          </p:nvPr>
        </p:nvSpPr>
        <p:spPr>
          <a:xfrm>
            <a:off x="5812630" y="1239864"/>
            <a:ext cx="5028406" cy="4618010"/>
          </a:xfrm>
        </p:spPr>
        <p:txBody>
          <a:bodyPr/>
          <a:lstStyle/>
          <a:p>
            <a:r>
              <a:rPr lang="en-US" dirty="0" err="1"/>
              <a:t>foto</a:t>
            </a:r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>
          <a:xfrm>
            <a:off x="514653" y="-150367"/>
            <a:ext cx="10058400" cy="1450757"/>
          </a:xfrm>
        </p:spPr>
        <p:txBody>
          <a:bodyPr/>
          <a:lstStyle/>
          <a:p>
            <a:r>
              <a:rPr lang="en-US" dirty="0" err="1"/>
              <a:t>Beelden</a:t>
            </a:r>
            <a:endParaRPr lang="nl-NL" dirty="0"/>
          </a:p>
        </p:txBody>
      </p:sp>
      <p:sp>
        <p:nvSpPr>
          <p:cNvPr id="8" name="Tijdelijke aanduiding voor datum 7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17/04/2023</a:t>
            </a:fld>
            <a:endParaRPr lang="en-GB"/>
          </a:p>
        </p:txBody>
      </p:sp>
      <p:sp>
        <p:nvSpPr>
          <p:cNvPr id="9" name="Tijdelijke aanduiding voor voettekst 8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ijdelijke aanduiding voor dianummer 9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4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11992864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jdelijke aanduiding voor inhoud 3"/>
          <p:cNvSpPr>
            <a:spLocks noGrp="1"/>
          </p:cNvSpPr>
          <p:nvPr>
            <p:ph sz="half" idx="14"/>
          </p:nvPr>
        </p:nvSpPr>
        <p:spPr>
          <a:xfrm>
            <a:off x="631826" y="1239864"/>
            <a:ext cx="5028405" cy="4618010"/>
          </a:xfrm>
        </p:spPr>
        <p:txBody>
          <a:bodyPr/>
          <a:lstStyle/>
          <a:p>
            <a:r>
              <a:rPr lang="en-US" dirty="0" err="1"/>
              <a:t>foto</a:t>
            </a:r>
            <a:endParaRPr lang="nl-NL" dirty="0"/>
          </a:p>
        </p:txBody>
      </p:sp>
      <p:sp>
        <p:nvSpPr>
          <p:cNvPr id="5" name="Tijdelijke aanduiding voor inhoud 4"/>
          <p:cNvSpPr>
            <a:spLocks noGrp="1"/>
          </p:cNvSpPr>
          <p:nvPr>
            <p:ph sz="half" idx="2"/>
          </p:nvPr>
        </p:nvSpPr>
        <p:spPr>
          <a:xfrm>
            <a:off x="5812630" y="1239864"/>
            <a:ext cx="5028406" cy="4618010"/>
          </a:xfrm>
        </p:spPr>
        <p:txBody>
          <a:bodyPr/>
          <a:lstStyle/>
          <a:p>
            <a:r>
              <a:rPr lang="en-US" dirty="0" err="1"/>
              <a:t>foto</a:t>
            </a:r>
            <a:endParaRPr lang="nl-NL" dirty="0"/>
          </a:p>
        </p:txBody>
      </p:sp>
      <p:sp>
        <p:nvSpPr>
          <p:cNvPr id="7" name="Titel 6"/>
          <p:cNvSpPr>
            <a:spLocks noGrp="1"/>
          </p:cNvSpPr>
          <p:nvPr>
            <p:ph type="title"/>
          </p:nvPr>
        </p:nvSpPr>
        <p:spPr>
          <a:xfrm>
            <a:off x="490378" y="-210893"/>
            <a:ext cx="10058400" cy="1450757"/>
          </a:xfrm>
        </p:spPr>
        <p:txBody>
          <a:bodyPr/>
          <a:lstStyle/>
          <a:p>
            <a:r>
              <a:rPr lang="en-US" dirty="0" err="1"/>
              <a:t>Beelden</a:t>
            </a:r>
            <a:endParaRPr lang="nl-NL" dirty="0"/>
          </a:p>
        </p:txBody>
      </p:sp>
      <p:sp>
        <p:nvSpPr>
          <p:cNvPr id="8" name="Tijdelijke aanduiding voor datum 7"/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fld id="{4A16BB2A-F23F-4E0F-829E-86051D38B0EA}" type="datetime1">
              <a:rPr lang="en-GB" smtClean="0"/>
              <a:t>17/04/2023</a:t>
            </a:fld>
            <a:endParaRPr lang="en-GB"/>
          </a:p>
        </p:txBody>
      </p:sp>
      <p:sp>
        <p:nvSpPr>
          <p:cNvPr id="9" name="Tijdelijke aanduiding voor voettekst 8"/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ijdelijke aanduiding voor dianummer 9"/>
          <p:cNvSpPr>
            <a:spLocks noGrp="1"/>
          </p:cNvSpPr>
          <p:nvPr>
            <p:ph type="sldNum" sz="quarter" idx="17"/>
          </p:nvPr>
        </p:nvSpPr>
        <p:spPr/>
        <p:txBody>
          <a:bodyPr/>
          <a:lstStyle/>
          <a:p>
            <a:fld id="{83D1311D-0AF4-BF42-8BF9-EAD1FE65203C}" type="slidenum">
              <a:rPr lang="en-GB" smtClean="0"/>
              <a:pPr/>
              <a:t>5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3261706062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el 6">
            <a:extLst>
              <a:ext uri="{FF2B5EF4-FFF2-40B4-BE49-F238E27FC236}">
                <a16:creationId xmlns:a16="http://schemas.microsoft.com/office/drawing/2014/main" id="{AB931911-B375-5A84-F629-054F6A6CAC39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097280" y="286603"/>
            <a:ext cx="10058400" cy="1450757"/>
          </a:xfrm>
        </p:spPr>
        <p:txBody>
          <a:bodyPr anchor="b">
            <a:normAutofit/>
          </a:bodyPr>
          <a:lstStyle/>
          <a:p>
            <a:r>
              <a:rPr lang="nl-NL" dirty="0"/>
              <a:t>Specifieke vragen aan de groep</a:t>
            </a:r>
          </a:p>
        </p:txBody>
      </p:sp>
      <p:sp>
        <p:nvSpPr>
          <p:cNvPr id="19" name="Content Placeholder 2">
            <a:extLst>
              <a:ext uri="{FF2B5EF4-FFF2-40B4-BE49-F238E27FC236}">
                <a16:creationId xmlns:a16="http://schemas.microsoft.com/office/drawing/2014/main" id="{1089BF6C-E3E1-7EAD-9FDF-7EED64D8BA94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1097280" y="2108201"/>
            <a:ext cx="10058400" cy="3760891"/>
          </a:xfrm>
        </p:spPr>
        <p:txBody>
          <a:bodyPr/>
          <a:lstStyle/>
          <a:p>
            <a:endParaRPr lang="en-US"/>
          </a:p>
        </p:txBody>
      </p:sp>
      <p:sp>
        <p:nvSpPr>
          <p:cNvPr id="8" name="Tijdelijke aanduiding voor datum 7">
            <a:extLst>
              <a:ext uri="{FF2B5EF4-FFF2-40B4-BE49-F238E27FC236}">
                <a16:creationId xmlns:a16="http://schemas.microsoft.com/office/drawing/2014/main" id="{87648D14-BE27-9506-680B-1992CA8ECBF5}"/>
              </a:ext>
            </a:extLst>
          </p:cNvPr>
          <p:cNvSpPr>
            <a:spLocks noGrp="1"/>
          </p:cNvSpPr>
          <p:nvPr>
            <p:ph type="dt" sz="half" idx="10"/>
          </p:nvPr>
        </p:nvSpPr>
        <p:spPr>
          <a:xfrm>
            <a:off x="8218426" y="6446838"/>
            <a:ext cx="2584850" cy="365125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fld id="{4A16BB2A-F23F-4E0F-829E-86051D38B0EA}" type="datetime1">
              <a:rPr lang="en-GB" smtClean="0"/>
              <a:pPr>
                <a:spcAft>
                  <a:spcPts val="600"/>
                </a:spcAft>
              </a:pPr>
              <a:t>17/04/2023</a:t>
            </a:fld>
            <a:endParaRPr lang="en-GB"/>
          </a:p>
        </p:txBody>
      </p:sp>
      <p:sp>
        <p:nvSpPr>
          <p:cNvPr id="18" name="Footer Placeholder 4">
            <a:extLst>
              <a:ext uri="{FF2B5EF4-FFF2-40B4-BE49-F238E27FC236}">
                <a16:creationId xmlns:a16="http://schemas.microsoft.com/office/drawing/2014/main" id="{023DEE68-383E-EE55-6196-7CBEDB258017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>
          <a:xfrm>
            <a:off x="1097279" y="6446838"/>
            <a:ext cx="6818262" cy="365125"/>
          </a:xfrm>
        </p:spPr>
        <p:txBody>
          <a:bodyPr/>
          <a:lstStyle/>
          <a:p>
            <a:endParaRPr lang="en-GB"/>
          </a:p>
        </p:txBody>
      </p:sp>
      <p:sp>
        <p:nvSpPr>
          <p:cNvPr id="10" name="Tijdelijke aanduiding voor dianummer 9">
            <a:extLst>
              <a:ext uri="{FF2B5EF4-FFF2-40B4-BE49-F238E27FC236}">
                <a16:creationId xmlns:a16="http://schemas.microsoft.com/office/drawing/2014/main" id="{9C84EB9B-3684-0A78-7F55-E6D20B872A0E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0993582" y="6446838"/>
            <a:ext cx="780010" cy="365125"/>
          </a:xfrm>
        </p:spPr>
        <p:txBody>
          <a:bodyPr anchor="ctr">
            <a:normAutofit/>
          </a:bodyPr>
          <a:lstStyle/>
          <a:p>
            <a:pPr>
              <a:spcAft>
                <a:spcPts val="600"/>
              </a:spcAft>
            </a:pPr>
            <a:fld id="{83D1311D-0AF4-BF42-8BF9-EAD1FE65203C}" type="slidenum">
              <a:rPr lang="en-GB" smtClean="0"/>
              <a:pPr>
                <a:spcAft>
                  <a:spcPts val="600"/>
                </a:spcAft>
              </a:pPr>
              <a:t>6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1701432349"/>
      </p:ext>
    </p:extLst>
  </p:cSld>
  <p:clrMapOvr>
    <a:masterClrMapping/>
  </p:clrMapOvr>
</p:sld>
</file>

<file path=ppt/theme/theme1.xml><?xml version="1.0" encoding="utf-8"?>
<a:theme xmlns:a="http://schemas.openxmlformats.org/drawingml/2006/main" name="VulvaNetwerk">
  <a:themeElements>
    <a:clrScheme name="Grijswaarden">
      <a:dk1>
        <a:sysClr val="windowText" lastClr="000000"/>
      </a:dk1>
      <a:lt1>
        <a:sysClr val="window" lastClr="FFFFFF"/>
      </a:lt1>
      <a:dk2>
        <a:srgbClr val="000000"/>
      </a:dk2>
      <a:lt2>
        <a:srgbClr val="F8F8F8"/>
      </a:lt2>
      <a:accent1>
        <a:srgbClr val="DDDDDD"/>
      </a:accent1>
      <a:accent2>
        <a:srgbClr val="B2B2B2"/>
      </a:accent2>
      <a:accent3>
        <a:srgbClr val="969696"/>
      </a:accent3>
      <a:accent4>
        <a:srgbClr val="808080"/>
      </a:accent4>
      <a:accent5>
        <a:srgbClr val="5F5F5F"/>
      </a:accent5>
      <a:accent6>
        <a:srgbClr val="4D4D4D"/>
      </a:accent6>
      <a:hlink>
        <a:srgbClr val="5F5F5F"/>
      </a:hlink>
      <a:folHlink>
        <a:srgbClr val="919191"/>
      </a:folHlink>
    </a:clrScheme>
    <a:fontScheme name="Terugblik">
      <a:majorFont>
        <a:latin typeface="Georgia Pro Cond Light" panose="020F03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Speak Pro" panose="020F0502020204030204"/>
        <a:ea typeface=""/>
        <a:cs typeface=""/>
        <a:font script="Jpan" typeface="ＭＳ Ｐゴシック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Terugblik">
      <a:fillStyleLst>
        <a:solidFill>
          <a:schemeClr val="phClr"/>
        </a:solidFill>
        <a:gradFill rotWithShape="1">
          <a:gsLst>
            <a:gs pos="0">
              <a:schemeClr val="phClr">
                <a:tint val="65000"/>
                <a:shade val="92000"/>
                <a:satMod val="130000"/>
              </a:schemeClr>
            </a:gs>
            <a:gs pos="45000">
              <a:schemeClr val="phClr">
                <a:tint val="60000"/>
                <a:shade val="99000"/>
                <a:satMod val="120000"/>
              </a:schemeClr>
            </a:gs>
            <a:gs pos="100000">
              <a:schemeClr val="phClr">
                <a:tint val="55000"/>
                <a:satMod val="140000"/>
              </a:schemeClr>
            </a:gs>
          </a:gsLst>
          <a:path path="circle">
            <a:fillToRect l="100000" t="100000" r="100000" b="100000"/>
          </a:path>
        </a:gradFill>
        <a:gradFill rotWithShape="1">
          <a:gsLst>
            <a:gs pos="0">
              <a:schemeClr val="phClr">
                <a:shade val="85000"/>
                <a:satMod val="130000"/>
              </a:schemeClr>
            </a:gs>
            <a:gs pos="34000">
              <a:schemeClr val="phClr">
                <a:shade val="87000"/>
                <a:satMod val="125000"/>
              </a:schemeClr>
            </a:gs>
            <a:gs pos="70000">
              <a:schemeClr val="phClr">
                <a:tint val="100000"/>
                <a:shade val="90000"/>
                <a:satMod val="130000"/>
              </a:schemeClr>
            </a:gs>
            <a:gs pos="100000">
              <a:schemeClr val="phClr">
                <a:tint val="100000"/>
                <a:shade val="100000"/>
                <a:satMod val="110000"/>
              </a:schemeClr>
            </a:gs>
          </a:gsLst>
          <a:path path="circle">
            <a:fillToRect l="100000" t="100000" r="100000" b="100000"/>
          </a:path>
        </a:gradFill>
      </a:fillStyleLst>
      <a:lnStyleLst>
        <a:ln w="12700" cap="flat" cmpd="sng" algn="ctr">
          <a:solidFill>
            <a:schemeClr val="phClr"/>
          </a:solidFill>
          <a:prstDash val="solid"/>
        </a:ln>
        <a:ln w="15875" cap="flat" cmpd="sng" algn="ctr">
          <a:solidFill>
            <a:schemeClr val="phClr"/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2700000" algn="br" rotWithShape="0">
              <a:srgbClr val="000000">
                <a:alpha val="60000"/>
              </a:srgbClr>
            </a:outerShdw>
          </a:effectLst>
        </a:effectStyle>
        <a:effectStyle>
          <a:effectLst>
            <a:outerShdw blurRad="44450" dist="25400" dir="2700000" algn="br" rotWithShape="0">
              <a:srgbClr val="000000">
                <a:alpha val="60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9800000"/>
            </a:lightRig>
          </a:scene3d>
          <a:sp3d prstMaterial="flat">
            <a:bevelT w="25400" h="31750"/>
          </a:sp3d>
        </a:effectStyle>
      </a:effectStyleLst>
      <a:bgFillStyleLst>
        <a:solidFill>
          <a:schemeClr val="phClr"/>
        </a:solidFill>
        <a:solidFill>
          <a:schemeClr val="phClr">
            <a:tint val="90000"/>
            <a:shade val="97000"/>
            <a:satMod val="130000"/>
          </a:schemeClr>
        </a:solidFill>
        <a:gradFill rotWithShape="1">
          <a:gsLst>
            <a:gs pos="0">
              <a:schemeClr val="phClr">
                <a:tint val="96000"/>
                <a:shade val="99000"/>
                <a:satMod val="140000"/>
              </a:schemeClr>
            </a:gs>
            <a:gs pos="65000">
              <a:schemeClr val="phClr">
                <a:tint val="100000"/>
                <a:shade val="80000"/>
                <a:satMod val="130000"/>
              </a:schemeClr>
            </a:gs>
            <a:gs pos="100000">
              <a:schemeClr val="phClr">
                <a:tint val="100000"/>
                <a:shade val="48000"/>
                <a:satMod val="120000"/>
              </a:schemeClr>
            </a:gs>
          </a:gsLst>
          <a:lin ang="162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VulvaNetwerk" id="{EB420035-008C-432A-8D5B-428599CE99EF}" vid="{5FAE203F-D9E1-44EE-BFF0-C759528C4878}"/>
    </a:ext>
  </a:extLst>
</a:theme>
</file>

<file path=ppt/theme/theme2.xml><?xml version="1.0" encoding="utf-8"?>
<a:theme xmlns:a="http://schemas.openxmlformats.org/drawingml/2006/main" name="Kantoorthema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C483E213F0430C42B1571E8844E7B6F1" ma:contentTypeVersion="5" ma:contentTypeDescription="Een nieuw document maken." ma:contentTypeScope="" ma:versionID="37da0dc520b3e2b04bb4b7afecfeea26">
  <xsd:schema xmlns:xsd="http://www.w3.org/2001/XMLSchema" xmlns:xs="http://www.w3.org/2001/XMLSchema" xmlns:p="http://schemas.microsoft.com/office/2006/metadata/properties" xmlns:ns2="5e5b5e69-ea2d-4e96-84a8-55898440bf26" xmlns:ns3="fe646f52-eead-47b5-89b7-ffef0d969869" targetNamespace="http://schemas.microsoft.com/office/2006/metadata/properties" ma:root="true" ma:fieldsID="bbb1b84ed98c5b8b07d5b46383caf88e" ns2:_="" ns3:_="">
    <xsd:import namespace="5e5b5e69-ea2d-4e96-84a8-55898440bf26"/>
    <xsd:import namespace="fe646f52-eead-47b5-89b7-ffef0d969869"/>
    <xsd:element name="properties">
      <xsd:complexType>
        <xsd:sequence>
          <xsd:element name="documentManagement">
            <xsd:complexType>
              <xsd:all>
                <xsd:element ref="ns2:MediaServiceMetadata" minOccurs="0"/>
                <xsd:element ref="ns2:MediaServiceFastMetadata" minOccurs="0"/>
                <xsd:element ref="ns2:Ddatum_x002f_tijd" minOccurs="0"/>
                <xsd:element ref="ns3:SharedWithUsers" minOccurs="0"/>
                <xsd:element ref="ns3:SharedWithDetail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5e5b5e69-ea2d-4e96-84a8-55898440bf26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Ddatum_x002f_tijd" ma:index="10" nillable="true" ma:displayName="Ddatum/tijd" ma:format="DateOnly" ma:internalName="Ddatum_x002f_tijd">
      <xsd:simpleType>
        <xsd:restriction base="dms:DateTime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fe646f52-eead-47b5-89b7-ffef0d969869" elementFormDefault="qualified">
    <xsd:import namespace="http://schemas.microsoft.com/office/2006/documentManagement/types"/>
    <xsd:import namespace="http://schemas.microsoft.com/office/infopath/2007/PartnerControls"/>
    <xsd:element name="SharedWithUsers" ma:index="11" nillable="true" ma:displayName="Gedeeld met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2" nillable="true" ma:displayName="Gedeeld met details" ma:internalName="SharedWithDetails" ma:readOnly="true">
      <xsd:simpleType>
        <xsd:restriction base="dms:Note">
          <xsd:maxLength value="255"/>
        </xsd:restriction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Inhoudstype"/>
        <xsd:element ref="dc:title" minOccurs="0" maxOccurs="1" ma:index="4" ma:displayName="Titel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TemplateConfiguration><![CDATA[{"slideVersion":1,"isValidatorEnabled":false,"isLocked":false,"elementsMetadata":[],"slideId":"637727432499619335","enableDocumentContentUpdater":false,"version":"2.0"}]]></TemplafySlideTemplateConfiguration>
</file>

<file path=customXml/item11.xml><?xml version="1.0" encoding="utf-8"?>
<TemplafySlideFormConfiguration><![CDATA[{"formFields":[],"formDataEntries":[]}]]></TemplafySlideFormConfiguration>
</file>

<file path=customXml/item2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Ddatum_x002f_tijd xmlns="5e5b5e69-ea2d-4e96-84a8-55898440bf26" xsi:nil="true"/>
  </documentManagement>
</p:properties>
</file>

<file path=customXml/item3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4.xml><?xml version="1.0" encoding="utf-8"?>
<TemplafyFormConfiguration><![CDATA[{"formFields":[],"formDataEntries":[]}]]></TemplafyFormConfiguration>
</file>

<file path=customXml/item5.xml><?xml version="1.0" encoding="utf-8"?>
<TemplafyTemplateConfiguration><![CDATA[{"elementsMetadata":[],"transformationConfigurations":[],"templateName":"blank","templateDescription":"","enableDocumentContentUpdater":false,"version":"2.0"}]]></Templafy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slideVersion":1,"isValidatorEnabled":false,"isLocked":false,"elementsMetadata":[],"slideId":"637727432499508828","enableDocumentContentUpdater":false,"version":"2.0"}]]></TemplafySlideTemplateConfiguration>
</file>

<file path=customXml/item8.xml><?xml version="1.0" encoding="utf-8"?>
<TemplafySlideTemplateConfiguration><![CDATA[{"slideVersion":1,"isValidatorEnabled":false,"isLocked":false,"elementsMetadata":[],"slideId":"637727432499619335","enableDocumentContentUpdater":false,"version":"2.0"}]]></TemplafySlide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4324D5A6-BED4-4F29-B1EF-94E91E98B18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5e5b5e69-ea2d-4e96-84a8-55898440bf26"/>
    <ds:schemaRef ds:uri="fe646f52-eead-47b5-89b7-ffef0d969869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9D1E09A1-F3B3-4B27-81AE-B8CB32CB1D07}">
  <ds:schemaRefs/>
</ds:datastoreItem>
</file>

<file path=customXml/itemProps11.xml><?xml version="1.0" encoding="utf-8"?>
<ds:datastoreItem xmlns:ds="http://schemas.openxmlformats.org/officeDocument/2006/customXml" ds:itemID="{1A48F041-E987-4207-BFAC-DF4D5FF65D41}">
  <ds:schemaRefs/>
</ds:datastoreItem>
</file>

<file path=customXml/itemProps2.xml><?xml version="1.0" encoding="utf-8"?>
<ds:datastoreItem xmlns:ds="http://schemas.openxmlformats.org/officeDocument/2006/customXml" ds:itemID="{CE7FB006-060E-420C-B955-CC58F092D3A8}">
  <ds:schemaRefs>
    <ds:schemaRef ds:uri="http://purl.org/dc/terms/"/>
    <ds:schemaRef ds:uri="http://purl.org/dc/dcmitype/"/>
    <ds:schemaRef ds:uri="http://purl.org/dc/elements/1.1/"/>
    <ds:schemaRef ds:uri="http://schemas.openxmlformats.org/package/2006/metadata/core-properties"/>
    <ds:schemaRef ds:uri="http://www.w3.org/XML/1998/namespace"/>
    <ds:schemaRef ds:uri="fe646f52-eead-47b5-89b7-ffef0d969869"/>
    <ds:schemaRef ds:uri="http://schemas.microsoft.com/office/2006/documentManagement/types"/>
    <ds:schemaRef ds:uri="http://schemas.microsoft.com/office/infopath/2007/PartnerControls"/>
    <ds:schemaRef ds:uri="5e5b5e69-ea2d-4e96-84a8-55898440bf26"/>
    <ds:schemaRef ds:uri="http://schemas.microsoft.com/office/2006/metadata/properties"/>
  </ds:schemaRefs>
</ds:datastoreItem>
</file>

<file path=customXml/itemProps3.xml><?xml version="1.0" encoding="utf-8"?>
<ds:datastoreItem xmlns:ds="http://schemas.openxmlformats.org/officeDocument/2006/customXml" ds:itemID="{B3DD47DF-D318-48F0-9F72-2CC7BB8FCB4E}">
  <ds:schemaRefs>
    <ds:schemaRef ds:uri="http://schemas.microsoft.com/sharepoint/v3/contenttype/forms"/>
  </ds:schemaRefs>
</ds:datastoreItem>
</file>

<file path=customXml/itemProps4.xml><?xml version="1.0" encoding="utf-8"?>
<ds:datastoreItem xmlns:ds="http://schemas.openxmlformats.org/officeDocument/2006/customXml" ds:itemID="{BCB0DF27-E6BE-4EFC-B725-FE1A07D51F8F}">
  <ds:schemaRefs/>
</ds:datastoreItem>
</file>

<file path=customXml/itemProps5.xml><?xml version="1.0" encoding="utf-8"?>
<ds:datastoreItem xmlns:ds="http://schemas.openxmlformats.org/officeDocument/2006/customXml" ds:itemID="{A70A3159-FD05-4484-841B-C1C38C19BF11}">
  <ds:schemaRefs/>
</ds:datastoreItem>
</file>

<file path=customXml/itemProps6.xml><?xml version="1.0" encoding="utf-8"?>
<ds:datastoreItem xmlns:ds="http://schemas.openxmlformats.org/officeDocument/2006/customXml" ds:itemID="{D847C17E-1E37-4090-9998-C464A348ECAB}">
  <ds:schemaRefs/>
</ds:datastoreItem>
</file>

<file path=customXml/itemProps7.xml><?xml version="1.0" encoding="utf-8"?>
<ds:datastoreItem xmlns:ds="http://schemas.openxmlformats.org/officeDocument/2006/customXml" ds:itemID="{6A9B5C6D-35B8-4AB6-A5F9-25F723A70FD0}">
  <ds:schemaRefs/>
</ds:datastoreItem>
</file>

<file path=customXml/itemProps8.xml><?xml version="1.0" encoding="utf-8"?>
<ds:datastoreItem xmlns:ds="http://schemas.openxmlformats.org/officeDocument/2006/customXml" ds:itemID="{B48FA6F6-1F85-4C03-8D6A-8B9207C788C2}">
  <ds:schemaRefs/>
</ds:datastoreItem>
</file>

<file path=customXml/itemProps9.xml><?xml version="1.0" encoding="utf-8"?>
<ds:datastoreItem xmlns:ds="http://schemas.openxmlformats.org/officeDocument/2006/customXml" ds:itemID="{258754DA-CDB4-45DA-AE05-75C2FBB046DF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VulvaNetwerk</Template>
  <TotalTime>43</TotalTime>
  <Words>61</Words>
  <Application>Microsoft Office PowerPoint</Application>
  <PresentationFormat>Breedbeeld</PresentationFormat>
  <Paragraphs>41</Paragraphs>
  <Slides>6</Slides>
  <Notes>0</Notes>
  <HiddenSlides>0</HiddenSlides>
  <MMClips>0</MMClips>
  <ScaleCrop>false</ScaleCrop>
  <HeadingPairs>
    <vt:vector size="6" baseType="variant">
      <vt:variant>
        <vt:lpstr>Gebruikte lettertypen</vt:lpstr>
      </vt:variant>
      <vt:variant>
        <vt:i4>4</vt:i4>
      </vt:variant>
      <vt:variant>
        <vt:lpstr>Thema</vt:lpstr>
      </vt:variant>
      <vt:variant>
        <vt:i4>1</vt:i4>
      </vt:variant>
      <vt:variant>
        <vt:lpstr>Diatitels</vt:lpstr>
      </vt:variant>
      <vt:variant>
        <vt:i4>6</vt:i4>
      </vt:variant>
    </vt:vector>
  </HeadingPairs>
  <TitlesOfParts>
    <vt:vector size="11" baseType="lpstr">
      <vt:lpstr>Arial</vt:lpstr>
      <vt:lpstr>Calibri</vt:lpstr>
      <vt:lpstr>Georgia Pro Cond Light</vt:lpstr>
      <vt:lpstr>Speak Pro</vt:lpstr>
      <vt:lpstr>VulvaNetwerk</vt:lpstr>
      <vt:lpstr>MDO vulvapathologie</vt:lpstr>
      <vt:lpstr>{Initialen of naam/leeftijd patiente}</vt:lpstr>
      <vt:lpstr>PowerPoint-presentatie</vt:lpstr>
      <vt:lpstr>Beelden</vt:lpstr>
      <vt:lpstr>Beelden</vt:lpstr>
      <vt:lpstr>Specifieke vragen aan de groep</vt:lpstr>
    </vt:vector>
  </TitlesOfParts>
  <Company>Erasmus MC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-presentatie</dc:title>
  <dc:creator>P. van Rikxoort</dc:creator>
  <cp:lastModifiedBy>Marlise Schouten</cp:lastModifiedBy>
  <cp:revision>6</cp:revision>
  <cp:lastPrinted>2023-04-17T09:47:35Z</cp:lastPrinted>
  <dcterms:created xsi:type="dcterms:W3CDTF">2023-01-20T13:26:12Z</dcterms:created>
  <dcterms:modified xsi:type="dcterms:W3CDTF">2023-04-17T09:53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1-11-17T10:54:09</vt:lpwstr>
  </property>
  <property fmtid="{D5CDD505-2E9C-101B-9397-08002B2CF9AE}" pid="3" name="ContentTypeId">
    <vt:lpwstr>0x010100C483E213F0430C42B1571E8844E7B6F1</vt:lpwstr>
  </property>
  <property fmtid="{D5CDD505-2E9C-101B-9397-08002B2CF9AE}" pid="4" name="TemplafyTenantId">
    <vt:lpwstr>erasmusmc</vt:lpwstr>
  </property>
  <property fmtid="{D5CDD505-2E9C-101B-9397-08002B2CF9AE}" pid="5" name="TemplafyTemplateId">
    <vt:lpwstr>637727432487719242</vt:lpwstr>
  </property>
  <property fmtid="{D5CDD505-2E9C-101B-9397-08002B2CF9AE}" pid="6" name="TemplafyUserProfileId">
    <vt:lpwstr>637735168282803008</vt:lpwstr>
  </property>
  <property fmtid="{D5CDD505-2E9C-101B-9397-08002B2CF9AE}" pid="7" name="TemplafyFromBlank">
    <vt:bool>true</vt:bool>
  </property>
</Properties>
</file>